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3_地域福祉グループ\011_介護人材養成等\R7_表彰\02_推薦依頼\01_起案\"/>
    </mc:Choice>
  </mc:AlternateContent>
  <bookViews>
    <workbookView xWindow="120" yWindow="96" windowWidth="20340" windowHeight="8100"/>
  </bookViews>
  <sheets>
    <sheet name="第３号様式（第2条(5)個人ボランティア）" sheetId="5" r:id="rId1"/>
    <sheet name="（記入例）" sheetId="10" r:id="rId2"/>
    <sheet name="(data)" sheetId="9" state="hidden" r:id="rId3"/>
  </sheets>
  <calcPr calcId="162913"/>
</workbook>
</file>

<file path=xl/calcChain.xml><?xml version="1.0" encoding="utf-8"?>
<calcChain xmlns="http://schemas.openxmlformats.org/spreadsheetml/2006/main">
  <c r="T72" i="10" l="1"/>
  <c r="T68" i="10"/>
  <c r="T64" i="10"/>
  <c r="T60" i="10"/>
  <c r="T56" i="10"/>
  <c r="T56" i="5"/>
  <c r="T72" i="5"/>
  <c r="T68" i="5"/>
  <c r="T64" i="5"/>
  <c r="T60" i="5"/>
  <c r="S7" i="5" l="1"/>
  <c r="R64" i="5" l="1"/>
  <c r="R72" i="10" l="1"/>
  <c r="R68" i="10"/>
  <c r="R64" i="10"/>
  <c r="R60" i="10"/>
  <c r="R56" i="10"/>
  <c r="S43" i="10"/>
  <c r="S7" i="10"/>
  <c r="BB3" i="9"/>
  <c r="AZ3" i="9"/>
  <c r="AY3" i="9"/>
  <c r="AX3" i="9"/>
  <c r="AW3" i="9"/>
  <c r="AV3" i="9"/>
  <c r="AT3" i="9"/>
  <c r="AS3" i="9"/>
  <c r="AR3" i="9"/>
  <c r="AQ3" i="9"/>
  <c r="AN3" i="9"/>
  <c r="AM3" i="9"/>
  <c r="AL3" i="9"/>
  <c r="AK3" i="9"/>
  <c r="AH3" i="9"/>
  <c r="AG3" i="9"/>
  <c r="AF3" i="9"/>
  <c r="AE3" i="9"/>
  <c r="AB3" i="9"/>
  <c r="AA3" i="9"/>
  <c r="Z3" i="9"/>
  <c r="Y3" i="9"/>
  <c r="X3" i="9"/>
  <c r="W3" i="9"/>
  <c r="V3" i="9" l="1"/>
  <c r="U3" i="9"/>
  <c r="T3" i="9"/>
  <c r="S3" i="9"/>
  <c r="R3" i="9"/>
  <c r="Q3" i="9"/>
  <c r="P3" i="9"/>
  <c r="O3" i="9"/>
  <c r="N3" i="9"/>
  <c r="M3" i="9"/>
  <c r="L3" i="9"/>
  <c r="K3" i="9"/>
  <c r="J3" i="9"/>
  <c r="I3" i="9"/>
  <c r="H3" i="9"/>
  <c r="F3" i="9"/>
  <c r="E3" i="9"/>
  <c r="AD3" i="9"/>
  <c r="R56" i="5"/>
  <c r="AC3" i="9" s="1"/>
  <c r="AP3" i="9"/>
  <c r="AO3" i="9"/>
  <c r="S43" i="5"/>
  <c r="D3" i="9"/>
  <c r="C3" i="9"/>
  <c r="B3" i="9"/>
  <c r="R72" i="5" l="1"/>
  <c r="BA3" i="9" s="1"/>
  <c r="R68" i="5" l="1"/>
  <c r="AU3" i="9" s="1"/>
  <c r="AJ3" i="9"/>
  <c r="R60" i="5"/>
  <c r="AI3" i="9" s="1"/>
  <c r="G3" i="9"/>
</calcChain>
</file>

<file path=xl/comments1.xml><?xml version="1.0" encoding="utf-8"?>
<comments xmlns="http://schemas.openxmlformats.org/spreadsheetml/2006/main">
  <authors>
    <author>Windows ユーザー</author>
  </authors>
  <commentList>
    <comment ref="R6" authorId="0" shapeId="0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  <comment ref="H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男女を選択してください。</t>
        </r>
      </text>
    </comment>
    <comment ref="Q1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
「月」または「週」を選択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F30" authorId="0" shapeId="0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H25.10.1」の形式で入力してください。
自動で、平成25年10月1日と表示されます。</t>
        </r>
      </text>
    </comment>
    <comment ref="R42" authorId="0" shapeId="0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  <comment ref="H4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男女を選択してください。</t>
        </r>
      </text>
    </comment>
    <comment ref="F46" authorId="0" shapeId="0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</commentList>
</comments>
</file>

<file path=xl/comments2.xml><?xml version="1.0" encoding="utf-8"?>
<comments xmlns="http://schemas.openxmlformats.org/spreadsheetml/2006/main">
  <authors>
    <author>Windows ユーザー</author>
  </authors>
  <commentList>
    <comment ref="R6" authorId="0" shapeId="0">
      <text>
        <r>
          <rPr>
            <b/>
            <sz val="10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  <comment ref="H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男女を選択してください。</t>
        </r>
      </text>
    </comment>
    <comment ref="Q1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「月」または「週」を選択してください。</t>
        </r>
      </text>
    </comment>
    <comment ref="F30" authorId="0" shapeId="0">
      <text>
        <r>
          <rPr>
            <b/>
            <sz val="10"/>
            <color indexed="81"/>
            <rFont val="ＭＳ Ｐゴシック"/>
            <family val="3"/>
            <charset val="128"/>
          </rPr>
          <t>日付は、半角で
「H25.10.1」の形式で入力してください。
自動で、平成25年10月1日と表示されます。</t>
        </r>
      </text>
    </comment>
    <comment ref="R42" authorId="0" shapeId="0">
      <text>
        <r>
          <rPr>
            <b/>
            <sz val="10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  <comment ref="H4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男女を選択してください。</t>
        </r>
      </text>
    </comment>
    <comment ref="F4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</commentList>
</comments>
</file>

<file path=xl/sharedStrings.xml><?xml version="1.0" encoding="utf-8"?>
<sst xmlns="http://schemas.openxmlformats.org/spreadsheetml/2006/main" count="310" uniqueCount="108">
  <si>
    <t>功　績　調　書</t>
  </si>
  <si>
    <t>表彰歴</t>
  </si>
  <si>
    <t>（注）貴市町村に表彰制度等がない場合は、「表彰歴」の欄にその旨明示してください。</t>
  </si>
  <si>
    <t>（ふりがな）</t>
  </si>
  <si>
    <t>生年月日
（年齢）</t>
    <rPh sb="2" eb="3">
      <t>ガツ</t>
    </rPh>
    <rPh sb="3" eb="4">
      <t>ヒ</t>
    </rPh>
    <rPh sb="6" eb="8">
      <t>ネンレイ</t>
    </rPh>
    <phoneticPr fontId="9"/>
  </si>
  <si>
    <t>氏名</t>
    <phoneticPr fontId="9"/>
  </si>
  <si>
    <t>年</t>
    <rPh sb="0" eb="1">
      <t>ネン</t>
    </rPh>
    <phoneticPr fontId="9"/>
  </si>
  <si>
    <t>生</t>
    <rPh sb="0" eb="1">
      <t>ウ</t>
    </rPh>
    <phoneticPr fontId="9"/>
  </si>
  <si>
    <t>歳</t>
    <rPh sb="0" eb="1">
      <t>サイ</t>
    </rPh>
    <phoneticPr fontId="9"/>
  </si>
  <si>
    <t>）</t>
    <phoneticPr fontId="9"/>
  </si>
  <si>
    <t>（性別）</t>
    <rPh sb="1" eb="3">
      <t>セイベツ</t>
    </rPh>
    <phoneticPr fontId="9"/>
  </si>
  <si>
    <t>か</t>
    <phoneticPr fontId="9"/>
  </si>
  <si>
    <t>月</t>
    <rPh sb="0" eb="1">
      <t>ツキ</t>
    </rPh>
    <phoneticPr fontId="9"/>
  </si>
  <si>
    <t>前歴①</t>
    <rPh sb="0" eb="2">
      <t>ゼンレキ</t>
    </rPh>
    <phoneticPr fontId="9"/>
  </si>
  <si>
    <t>前歴②</t>
    <rPh sb="0" eb="2">
      <t>ゼンレキ</t>
    </rPh>
    <phoneticPr fontId="9"/>
  </si>
  <si>
    <t>前歴③</t>
    <rPh sb="0" eb="2">
      <t>ゼンレキ</t>
    </rPh>
    <phoneticPr fontId="9"/>
  </si>
  <si>
    <t>表彰年月日</t>
    <rPh sb="0" eb="2">
      <t>ヒョウショウ</t>
    </rPh>
    <rPh sb="2" eb="3">
      <t>ネン</t>
    </rPh>
    <rPh sb="3" eb="5">
      <t>ツキヒ</t>
    </rPh>
    <phoneticPr fontId="9"/>
  </si>
  <si>
    <t>名  称</t>
  </si>
  <si>
    <t>電　話</t>
    <rPh sb="0" eb="1">
      <t>デン</t>
    </rPh>
    <rPh sb="2" eb="3">
      <t>ハナシ</t>
    </rPh>
    <phoneticPr fontId="9"/>
  </si>
  <si>
    <t>団体歴</t>
    <rPh sb="0" eb="2">
      <t>ダンタイ</t>
    </rPh>
    <rPh sb="2" eb="3">
      <t>レキ</t>
    </rPh>
    <phoneticPr fontId="9"/>
  </si>
  <si>
    <t>団体名</t>
    <rPh sb="0" eb="2">
      <t>ダンタイ</t>
    </rPh>
    <rPh sb="2" eb="3">
      <t>メイ</t>
    </rPh>
    <phoneticPr fontId="9"/>
  </si>
  <si>
    <t>所属期間</t>
    <rPh sb="0" eb="2">
      <t>ショゾク</t>
    </rPh>
    <rPh sb="2" eb="4">
      <t>キカン</t>
    </rPh>
    <phoneticPr fontId="9"/>
  </si>
  <si>
    <t>社会福祉関係等
活動期間</t>
    <rPh sb="0" eb="2">
      <t>シャカイ</t>
    </rPh>
    <rPh sb="2" eb="4">
      <t>フクシ</t>
    </rPh>
    <rPh sb="4" eb="6">
      <t>カンケイ</t>
    </rPh>
    <rPh sb="6" eb="7">
      <t>トウ</t>
    </rPh>
    <rPh sb="8" eb="10">
      <t>カツドウ</t>
    </rPh>
    <rPh sb="10" eb="12">
      <t>キカン</t>
    </rPh>
    <phoneticPr fontId="9"/>
  </si>
  <si>
    <t>活動頻度</t>
    <rPh sb="0" eb="2">
      <t>カツドウ</t>
    </rPh>
    <rPh sb="2" eb="4">
      <t>ヒンド</t>
    </rPh>
    <phoneticPr fontId="9"/>
  </si>
  <si>
    <t>回</t>
    <rPh sb="0" eb="1">
      <t>カイ</t>
    </rPh>
    <phoneticPr fontId="9"/>
  </si>
  <si>
    <t>月・週</t>
    <rPh sb="0" eb="1">
      <t>ツキ</t>
    </rPh>
    <rPh sb="2" eb="3">
      <t>シュウ</t>
    </rPh>
    <phoneticPr fontId="9"/>
  </si>
  <si>
    <t>功績内容</t>
    <rPh sb="0" eb="2">
      <t>コウセキ</t>
    </rPh>
    <rPh sb="2" eb="4">
      <t>ナイヨウ</t>
    </rPh>
    <phoneticPr fontId="9"/>
  </si>
  <si>
    <t>推薦者
推薦団体</t>
    <rPh sb="0" eb="2">
      <t>スイセン</t>
    </rPh>
    <rPh sb="2" eb="3">
      <t>シャ</t>
    </rPh>
    <rPh sb="4" eb="6">
      <t>スイセン</t>
    </rPh>
    <rPh sb="6" eb="8">
      <t>ダンタイ</t>
    </rPh>
    <phoneticPr fontId="9"/>
  </si>
  <si>
    <t>名称</t>
    <rPh sb="0" eb="2">
      <t>メイショウ</t>
    </rPh>
    <phoneticPr fontId="9"/>
  </si>
  <si>
    <t>所在地</t>
    <rPh sb="0" eb="3">
      <t>ショザイチ</t>
    </rPh>
    <phoneticPr fontId="9"/>
  </si>
  <si>
    <t>（</t>
    <phoneticPr fontId="9"/>
  </si>
  <si>
    <t>）</t>
    <phoneticPr fontId="9"/>
  </si>
  <si>
    <t>住所</t>
    <rPh sb="0" eb="2">
      <t>ジュウショ</t>
    </rPh>
    <phoneticPr fontId="9"/>
  </si>
  <si>
    <t>所　在　地</t>
    <phoneticPr fontId="9"/>
  </si>
  <si>
    <t>年　　月　　日</t>
    <rPh sb="0" eb="1">
      <t>ネン</t>
    </rPh>
    <rPh sb="3" eb="4">
      <t>ツキ</t>
    </rPh>
    <rPh sb="6" eb="7">
      <t>ヒ</t>
    </rPh>
    <phoneticPr fontId="9"/>
  </si>
  <si>
    <t>～</t>
    <phoneticPr fontId="9"/>
  </si>
  <si>
    <t>（</t>
    <phoneticPr fontId="9"/>
  </si>
  <si>
    <t>か</t>
    <phoneticPr fontId="9"/>
  </si>
  <si>
    <t>）</t>
    <phoneticPr fontId="9"/>
  </si>
  <si>
    <t>職名</t>
    <rPh sb="0" eb="2">
      <t>ショクメイ</t>
    </rPh>
    <phoneticPr fontId="9"/>
  </si>
  <si>
    <t>　　　　年　月　日</t>
    <rPh sb="4" eb="5">
      <t>ネン</t>
    </rPh>
    <rPh sb="6" eb="7">
      <t>ツキ</t>
    </rPh>
    <rPh sb="8" eb="9">
      <t>ニチ</t>
    </rPh>
    <phoneticPr fontId="9"/>
  </si>
  <si>
    <t xml:space="preserve">        年　月　日</t>
    <rPh sb="8" eb="9">
      <t>ネン</t>
    </rPh>
    <rPh sb="10" eb="11">
      <t>ツキ</t>
    </rPh>
    <rPh sb="12" eb="13">
      <t>ニチ</t>
    </rPh>
    <phoneticPr fontId="9"/>
  </si>
  <si>
    <t>表彰名（功労名）</t>
    <phoneticPr fontId="9"/>
  </si>
  <si>
    <t>参考事項</t>
    <rPh sb="0" eb="2">
      <t>サンコウ</t>
    </rPh>
    <rPh sb="2" eb="4">
      <t>ジコウ</t>
    </rPh>
    <phoneticPr fontId="9"/>
  </si>
  <si>
    <t>履　歴　書</t>
    <rPh sb="0" eb="1">
      <t>クツ</t>
    </rPh>
    <rPh sb="2" eb="3">
      <t>レキ</t>
    </rPh>
    <rPh sb="4" eb="5">
      <t>ショ</t>
    </rPh>
    <phoneticPr fontId="9"/>
  </si>
  <si>
    <t>○学　歴</t>
    <rPh sb="1" eb="2">
      <t>ガク</t>
    </rPh>
    <rPh sb="3" eb="4">
      <t>レキ</t>
    </rPh>
    <phoneticPr fontId="9"/>
  </si>
  <si>
    <t>○団　体　歴</t>
    <rPh sb="1" eb="2">
      <t>ダン</t>
    </rPh>
    <rPh sb="3" eb="4">
      <t>カラダ</t>
    </rPh>
    <rPh sb="5" eb="6">
      <t>レキ</t>
    </rPh>
    <phoneticPr fontId="9"/>
  </si>
  <si>
    <t>人柄</t>
    <rPh sb="0" eb="2">
      <t>ヒトガラ</t>
    </rPh>
    <phoneticPr fontId="9"/>
  </si>
  <si>
    <t>前歴④</t>
    <rPh sb="0" eb="2">
      <t>ゼンレキ</t>
    </rPh>
    <phoneticPr fontId="9"/>
  </si>
  <si>
    <t>　　年　　月　　日</t>
    <rPh sb="2" eb="3">
      <t>ネン</t>
    </rPh>
    <rPh sb="5" eb="6">
      <t>ツキ</t>
    </rPh>
    <rPh sb="8" eb="9">
      <t>ヒ</t>
    </rPh>
    <phoneticPr fontId="9"/>
  </si>
  <si>
    <t>○賞　罰</t>
    <rPh sb="1" eb="2">
      <t>ショウ</t>
    </rPh>
    <rPh sb="3" eb="4">
      <t>バツ</t>
    </rPh>
    <phoneticPr fontId="9"/>
  </si>
  <si>
    <t>現所属先の
状況</t>
    <rPh sb="0" eb="1">
      <t>ゲン</t>
    </rPh>
    <rPh sb="1" eb="3">
      <t>ショゾク</t>
    </rPh>
    <rPh sb="3" eb="4">
      <t>サキ</t>
    </rPh>
    <rPh sb="6" eb="8">
      <t>ジョウキョウ</t>
    </rPh>
    <phoneticPr fontId="9"/>
  </si>
  <si>
    <r>
      <t>（</t>
    </r>
    <r>
      <rPr>
        <sz val="11"/>
        <color theme="1"/>
        <rFont val="ＭＳ 明朝"/>
        <family val="1"/>
        <charset val="128"/>
      </rPr>
      <t>第３号様式・個人ボランティア）－１</t>
    </r>
    <phoneticPr fontId="9"/>
  </si>
  <si>
    <r>
      <t>（</t>
    </r>
    <r>
      <rPr>
        <sz val="11"/>
        <color theme="1"/>
        <rFont val="ＭＳ 明朝"/>
        <family val="1"/>
        <charset val="128"/>
      </rPr>
      <t>第３号様式・個人ボランティア）－２</t>
    </r>
    <phoneticPr fontId="9"/>
  </si>
  <si>
    <t>氏名</t>
    <phoneticPr fontId="9"/>
  </si>
  <si>
    <t>（</t>
    <phoneticPr fontId="9"/>
  </si>
  <si>
    <t>）</t>
    <phoneticPr fontId="9"/>
  </si>
  <si>
    <t>（</t>
    <phoneticPr fontId="9"/>
  </si>
  <si>
    <t>）</t>
    <phoneticPr fontId="9"/>
  </si>
  <si>
    <t>卒業</t>
    <rPh sb="0" eb="2">
      <t>ソツギョウ</t>
    </rPh>
    <phoneticPr fontId="9"/>
  </si>
  <si>
    <t>№</t>
    <phoneticPr fontId="9"/>
  </si>
  <si>
    <t>推薦団体</t>
    <rPh sb="0" eb="2">
      <t>スイセン</t>
    </rPh>
    <rPh sb="2" eb="4">
      <t>ダンタイ</t>
    </rPh>
    <phoneticPr fontId="9"/>
  </si>
  <si>
    <t>ふりがな</t>
    <phoneticPr fontId="9"/>
  </si>
  <si>
    <t>氏名</t>
    <rPh sb="0" eb="2">
      <t>シメイ</t>
    </rPh>
    <phoneticPr fontId="9"/>
  </si>
  <si>
    <t>性別</t>
    <rPh sb="0" eb="2">
      <t>セイベツ</t>
    </rPh>
    <phoneticPr fontId="9"/>
  </si>
  <si>
    <t>生年月日</t>
    <rPh sb="0" eb="2">
      <t>セイネン</t>
    </rPh>
    <rPh sb="2" eb="4">
      <t>ガッピ</t>
    </rPh>
    <phoneticPr fontId="9"/>
  </si>
  <si>
    <t>年齢</t>
    <rPh sb="0" eb="2">
      <t>ネンレイ</t>
    </rPh>
    <phoneticPr fontId="9"/>
  </si>
  <si>
    <t>職種</t>
    <rPh sb="0" eb="2">
      <t>ショクシュ</t>
    </rPh>
    <phoneticPr fontId="9"/>
  </si>
  <si>
    <t>表彰１</t>
    <rPh sb="0" eb="2">
      <t>ヒョウショウ</t>
    </rPh>
    <phoneticPr fontId="9"/>
  </si>
  <si>
    <t>表彰２</t>
    <rPh sb="0" eb="2">
      <t>ヒョウショウ</t>
    </rPh>
    <phoneticPr fontId="9"/>
  </si>
  <si>
    <t>表彰３</t>
    <rPh sb="0" eb="2">
      <t>ヒョウショウ</t>
    </rPh>
    <phoneticPr fontId="9"/>
  </si>
  <si>
    <t>表彰４</t>
    <rPh sb="0" eb="2">
      <t>ヒョウショウ</t>
    </rPh>
    <phoneticPr fontId="9"/>
  </si>
  <si>
    <t>表彰５</t>
    <rPh sb="0" eb="2">
      <t>ヒョウショウ</t>
    </rPh>
    <phoneticPr fontId="9"/>
  </si>
  <si>
    <t>現勤務先</t>
    <rPh sb="0" eb="1">
      <t>ゲン</t>
    </rPh>
    <rPh sb="1" eb="3">
      <t>キンム</t>
    </rPh>
    <rPh sb="3" eb="4">
      <t>サキ</t>
    </rPh>
    <phoneticPr fontId="9"/>
  </si>
  <si>
    <t>前歴１</t>
    <rPh sb="0" eb="2">
      <t>ゼンレキ</t>
    </rPh>
    <phoneticPr fontId="9"/>
  </si>
  <si>
    <t>前歴２</t>
    <rPh sb="0" eb="2">
      <t>ゼンレキ</t>
    </rPh>
    <phoneticPr fontId="9"/>
  </si>
  <si>
    <t>前歴３</t>
    <rPh sb="0" eb="2">
      <t>ゼンレキ</t>
    </rPh>
    <phoneticPr fontId="9"/>
  </si>
  <si>
    <t>前歴４</t>
    <rPh sb="0" eb="2">
      <t>ゼンレキ</t>
    </rPh>
    <phoneticPr fontId="9"/>
  </si>
  <si>
    <t>年月日</t>
    <rPh sb="0" eb="3">
      <t>ネンガッピ</t>
    </rPh>
    <phoneticPr fontId="9"/>
  </si>
  <si>
    <t>表彰名</t>
    <rPh sb="0" eb="2">
      <t>ヒョウショウ</t>
    </rPh>
    <rPh sb="2" eb="3">
      <t>メイ</t>
    </rPh>
    <phoneticPr fontId="9"/>
  </si>
  <si>
    <t>電話</t>
    <rPh sb="0" eb="2">
      <t>デンワ</t>
    </rPh>
    <phoneticPr fontId="9"/>
  </si>
  <si>
    <t>従事期間[開始]</t>
    <rPh sb="0" eb="2">
      <t>ジュウジ</t>
    </rPh>
    <rPh sb="2" eb="4">
      <t>キカン</t>
    </rPh>
    <rPh sb="5" eb="7">
      <t>カイシ</t>
    </rPh>
    <phoneticPr fontId="9"/>
  </si>
  <si>
    <t>従事期間[終了]</t>
    <rPh sb="0" eb="2">
      <t>ジュウジ</t>
    </rPh>
    <rPh sb="2" eb="4">
      <t>キカン</t>
    </rPh>
    <rPh sb="5" eb="7">
      <t>シュウリョウ</t>
    </rPh>
    <phoneticPr fontId="9"/>
  </si>
  <si>
    <t>期間計[年]</t>
    <rPh sb="0" eb="2">
      <t>キカン</t>
    </rPh>
    <rPh sb="2" eb="3">
      <t>ケイ</t>
    </rPh>
    <rPh sb="4" eb="5">
      <t>ネン</t>
    </rPh>
    <phoneticPr fontId="9"/>
  </si>
  <si>
    <t>期間計[月]</t>
    <rPh sb="0" eb="2">
      <t>キカン</t>
    </rPh>
    <rPh sb="2" eb="3">
      <t>ケイ</t>
    </rPh>
    <rPh sb="4" eb="5">
      <t>ツキ</t>
    </rPh>
    <phoneticPr fontId="9"/>
  </si>
  <si>
    <t>回数</t>
    <rPh sb="0" eb="2">
      <t>カイスウ</t>
    </rPh>
    <phoneticPr fontId="9"/>
  </si>
  <si>
    <t>社会福祉法人　〇〇協議会</t>
    <rPh sb="0" eb="2">
      <t>シャカイ</t>
    </rPh>
    <rPh sb="2" eb="4">
      <t>フクシ</t>
    </rPh>
    <rPh sb="4" eb="6">
      <t>ホウジン</t>
    </rPh>
    <rPh sb="9" eb="12">
      <t>キョウギカイ</t>
    </rPh>
    <phoneticPr fontId="9"/>
  </si>
  <si>
    <t>厚木市〇〇1-1-1</t>
    <rPh sb="0" eb="3">
      <t>アツギシ</t>
    </rPh>
    <phoneticPr fontId="9"/>
  </si>
  <si>
    <t>かながわ　たろう</t>
    <phoneticPr fontId="9"/>
  </si>
  <si>
    <t>神奈川　太郎</t>
    <rPh sb="0" eb="3">
      <t>カナガワ</t>
    </rPh>
    <rPh sb="4" eb="6">
      <t>タロウ</t>
    </rPh>
    <phoneticPr fontId="9"/>
  </si>
  <si>
    <t>男</t>
  </si>
  <si>
    <t>月</t>
  </si>
  <si>
    <t>神奈川県立〇〇高等学校</t>
    <rPh sb="0" eb="4">
      <t>カナガワケン</t>
    </rPh>
    <rPh sb="4" eb="5">
      <t>リツ</t>
    </rPh>
    <rPh sb="7" eb="9">
      <t>コウトウ</t>
    </rPh>
    <rPh sb="9" eb="11">
      <t>ガッコウ</t>
    </rPh>
    <phoneticPr fontId="9"/>
  </si>
  <si>
    <t>ボランティアグループ　△△</t>
    <phoneticPr fontId="9"/>
  </si>
  <si>
    <t>046-***-****</t>
    <phoneticPr fontId="9"/>
  </si>
  <si>
    <t>△△</t>
    <phoneticPr fontId="9"/>
  </si>
  <si>
    <t>□□</t>
    <phoneticPr fontId="9"/>
  </si>
  <si>
    <t>なし</t>
    <phoneticPr fontId="9"/>
  </si>
  <si>
    <t>所属期間[開始]</t>
    <rPh sb="0" eb="2">
      <t>ショゾク</t>
    </rPh>
    <rPh sb="2" eb="4">
      <t>キカン</t>
    </rPh>
    <rPh sb="5" eb="7">
      <t>カイシ</t>
    </rPh>
    <phoneticPr fontId="9"/>
  </si>
  <si>
    <t>　　　  年　月　日</t>
    <rPh sb="5" eb="6">
      <t>ネン</t>
    </rPh>
    <rPh sb="7" eb="8">
      <t>ツキ</t>
    </rPh>
    <rPh sb="9" eb="10">
      <t>ニチ</t>
    </rPh>
    <phoneticPr fontId="9"/>
  </si>
  <si>
    <t xml:space="preserve">   年　月　日</t>
    <rPh sb="3" eb="4">
      <t>ネン</t>
    </rPh>
    <rPh sb="5" eb="6">
      <t>ツキ</t>
    </rPh>
    <rPh sb="7" eb="8">
      <t>ニチ</t>
    </rPh>
    <phoneticPr fontId="9"/>
  </si>
  <si>
    <t>昭和〇年３月31日</t>
    <rPh sb="0" eb="2">
      <t>ショウワ</t>
    </rPh>
    <rPh sb="3" eb="4">
      <t>ネン</t>
    </rPh>
    <rPh sb="5" eb="6">
      <t>ガツ</t>
    </rPh>
    <rPh sb="8" eb="9">
      <t>ニチ</t>
    </rPh>
    <phoneticPr fontId="9"/>
  </si>
  <si>
    <t>〇〇市社会福祉協議会会長表彰</t>
    <rPh sb="2" eb="3">
      <t>シ</t>
    </rPh>
    <rPh sb="3" eb="5">
      <t>シャカイ</t>
    </rPh>
    <rPh sb="5" eb="7">
      <t>フクシ</t>
    </rPh>
    <rPh sb="7" eb="10">
      <t>キョウギカイ</t>
    </rPh>
    <rPh sb="10" eb="12">
      <t>カイチョウ</t>
    </rPh>
    <rPh sb="12" eb="14">
      <t>ヒョウショウ</t>
    </rPh>
    <phoneticPr fontId="9"/>
  </si>
  <si>
    <t>功　績　調　書
（記入例）</t>
    <rPh sb="9" eb="11">
      <t>キニュウ</t>
    </rPh>
    <rPh sb="11" eb="12">
      <t>レイ</t>
    </rPh>
    <phoneticPr fontId="9"/>
  </si>
  <si>
    <t>履　歴　書（記入例）</t>
    <rPh sb="0" eb="1">
      <t>クツ</t>
    </rPh>
    <rPh sb="2" eb="3">
      <t>レキ</t>
    </rPh>
    <rPh sb="4" eb="5">
      <t>ショ</t>
    </rPh>
    <rPh sb="6" eb="8">
      <t>キニュウ</t>
    </rPh>
    <rPh sb="8" eb="9">
      <t>レイ</t>
    </rPh>
    <phoneticPr fontId="9"/>
  </si>
  <si>
    <t>＊＊＊＊＊＊</t>
    <phoneticPr fontId="9"/>
  </si>
  <si>
    <t>○○市〇〇１-２－３４</t>
    <rPh sb="2" eb="3">
      <t>シ</t>
    </rPh>
    <phoneticPr fontId="9"/>
  </si>
  <si>
    <t>○○市〇〇1-1-1</t>
    <rPh sb="2" eb="3">
      <t>シ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ggge&quot;年&quot;m&quot;月&quot;d&quot;日 現在&quot;"/>
    <numFmt numFmtId="177" formatCode="[&lt;32516]ggge&quot;年&quot;m&quot;月&quot;d&quot;日&quot;;[&lt;32874]&quot;平成元年&quot;m&quot;月&quot;d&quot;日&quot;;ggge&quot;年&quot;m&quot;月&quot;d&quot;日&quot;\]"/>
    <numFmt numFmtId="178" formatCode="[&lt;32516]ggge&quot;年&quot;m&quot;月&quot;d&quot;日&quot;;[&lt;32874]&quot;平成元年&quot;m&quot;月&quot;d&quot;日&quot;;ggge&quot;年&quot;m&quot;月&quot;d&quot;日&quot;"/>
    <numFmt numFmtId="179" formatCode="[$-411]ge\.m\.d;@"/>
  </numFmts>
  <fonts count="22">
    <font>
      <sz val="12"/>
      <color theme="1"/>
      <name val="ＭＳ 明朝"/>
      <family val="2"/>
      <charset val="128"/>
    </font>
    <font>
      <sz val="11"/>
      <color theme="1"/>
      <name val="神奈川明朝"/>
      <family val="1"/>
      <charset val="128"/>
    </font>
    <font>
      <sz val="11"/>
      <color theme="1"/>
      <name val="ＭＳ 明朝"/>
      <family val="1"/>
      <charset val="128"/>
    </font>
    <font>
      <b/>
      <sz val="14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8"/>
      <color theme="1"/>
      <name val="ＭＳ 明朝"/>
      <family val="1"/>
      <charset val="128"/>
    </font>
    <font>
      <sz val="10"/>
      <color theme="1"/>
      <name val="ＭＳ ゴシック"/>
      <family val="3"/>
      <charset val="128"/>
    </font>
    <font>
      <sz val="6"/>
      <name val="ＭＳ 明朝"/>
      <family val="2"/>
      <charset val="128"/>
    </font>
    <font>
      <sz val="10.5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16"/>
      <color theme="1"/>
      <name val="ＭＳ 明朝"/>
      <family val="1"/>
      <charset val="128"/>
    </font>
    <font>
      <b/>
      <sz val="12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sz val="9"/>
      <color indexed="81"/>
      <name val="ＭＳ Ｐゴシック"/>
      <family val="3"/>
      <charset val="128"/>
    </font>
    <font>
      <b/>
      <sz val="10"/>
      <color indexed="81"/>
      <name val="ＭＳ Ｐゴシック"/>
      <family val="3"/>
      <charset val="128"/>
    </font>
  </fonts>
  <fills count="8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  <fill>
      <patternFill patternType="solid">
        <fgColor theme="3" tint="0.599993896298104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rgb="FFFFFF99"/>
        <bgColor indexed="64"/>
      </patternFill>
    </fill>
  </fills>
  <borders count="63">
    <border>
      <left/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37">
    <xf numFmtId="0" fontId="0" fillId="0" borderId="0" xfId="0">
      <alignment vertical="center"/>
    </xf>
    <xf numFmtId="0" fontId="0" fillId="0" borderId="1" xfId="0" applyBorder="1">
      <alignment vertical="center"/>
    </xf>
    <xf numFmtId="0" fontId="1" fillId="0" borderId="0" xfId="0" applyFont="1" applyAlignment="1">
      <alignment vertical="center"/>
    </xf>
    <xf numFmtId="0" fontId="0" fillId="0" borderId="7" xfId="0" applyBorder="1">
      <alignment vertical="center"/>
    </xf>
    <xf numFmtId="0" fontId="11" fillId="0" borderId="7" xfId="0" applyFont="1" applyBorder="1" applyAlignment="1">
      <alignment vertical="center"/>
    </xf>
    <xf numFmtId="0" fontId="11" fillId="0" borderId="7" xfId="0" applyFont="1" applyBorder="1">
      <alignment vertical="center"/>
    </xf>
    <xf numFmtId="0" fontId="11" fillId="0" borderId="8" xfId="0" applyFont="1" applyBorder="1">
      <alignment vertical="center"/>
    </xf>
    <xf numFmtId="0" fontId="11" fillId="0" borderId="0" xfId="0" applyFont="1" applyBorder="1" applyAlignment="1">
      <alignment horizontal="center" vertical="center"/>
    </xf>
    <xf numFmtId="0" fontId="11" fillId="0" borderId="1" xfId="0" applyFont="1" applyBorder="1" applyAlignment="1">
      <alignment horizontal="center" vertical="center"/>
    </xf>
    <xf numFmtId="0" fontId="11" fillId="0" borderId="0" xfId="0" applyFont="1" applyBorder="1" applyAlignment="1">
      <alignment vertical="top" wrapText="1"/>
    </xf>
    <xf numFmtId="0" fontId="11" fillId="0" borderId="1" xfId="0" applyFont="1" applyBorder="1">
      <alignment vertical="center"/>
    </xf>
    <xf numFmtId="0" fontId="12" fillId="0" borderId="18" xfId="0" applyFont="1" applyBorder="1" applyAlignment="1">
      <alignment vertical="top" wrapText="1"/>
    </xf>
    <xf numFmtId="0" fontId="12" fillId="0" borderId="16" xfId="0" applyFont="1" applyBorder="1" applyAlignment="1">
      <alignment vertical="top" wrapText="1"/>
    </xf>
    <xf numFmtId="0" fontId="11" fillId="0" borderId="18" xfId="0" applyFont="1" applyBorder="1" applyAlignment="1">
      <alignment vertical="top" wrapText="1"/>
    </xf>
    <xf numFmtId="0" fontId="11" fillId="0" borderId="16" xfId="0" applyFont="1" applyBorder="1" applyAlignment="1">
      <alignment vertical="top" wrapText="1"/>
    </xf>
    <xf numFmtId="0" fontId="11" fillId="0" borderId="16" xfId="0" applyFont="1" applyBorder="1">
      <alignment vertical="center"/>
    </xf>
    <xf numFmtId="0" fontId="11" fillId="0" borderId="19" xfId="0" applyFont="1" applyBorder="1">
      <alignment vertical="center"/>
    </xf>
    <xf numFmtId="0" fontId="11" fillId="0" borderId="0" xfId="0" applyFont="1" applyBorder="1" applyAlignment="1">
      <alignment horizontal="center" vertical="center" wrapText="1"/>
    </xf>
    <xf numFmtId="0" fontId="12" fillId="0" borderId="16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12" fillId="0" borderId="0" xfId="0" applyFont="1" applyBorder="1" applyAlignment="1">
      <alignment vertical="center"/>
    </xf>
    <xf numFmtId="0" fontId="12" fillId="0" borderId="16" xfId="0" applyFont="1" applyBorder="1" applyAlignment="1">
      <alignment horizontal="center" vertical="top" wrapText="1"/>
    </xf>
    <xf numFmtId="0" fontId="0" fillId="0" borderId="0" xfId="0" applyBorder="1">
      <alignment vertical="center"/>
    </xf>
    <xf numFmtId="0" fontId="11" fillId="0" borderId="0" xfId="0" applyFont="1" applyFill="1" applyBorder="1" applyAlignment="1">
      <alignment vertical="top" wrapText="1"/>
    </xf>
    <xf numFmtId="0" fontId="11" fillId="0" borderId="0" xfId="0" applyFont="1" applyFill="1" applyBorder="1">
      <alignment vertical="center"/>
    </xf>
    <xf numFmtId="0" fontId="0" fillId="0" borderId="4" xfId="0" applyBorder="1">
      <alignment vertical="center"/>
    </xf>
    <xf numFmtId="0" fontId="11" fillId="0" borderId="16" xfId="0" applyFont="1" applyFill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6" xfId="0" applyBorder="1">
      <alignment vertical="center"/>
    </xf>
    <xf numFmtId="0" fontId="0" fillId="0" borderId="8" xfId="0" applyBorder="1">
      <alignment vertical="center"/>
    </xf>
    <xf numFmtId="0" fontId="3" fillId="0" borderId="0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18" fillId="0" borderId="0" xfId="0" applyFont="1" applyBorder="1" applyAlignment="1">
      <alignment vertical="center"/>
    </xf>
    <xf numFmtId="0" fontId="19" fillId="0" borderId="0" xfId="0" applyFont="1" applyBorder="1" applyAlignment="1">
      <alignment vertical="center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vertical="center"/>
    </xf>
    <xf numFmtId="0" fontId="11" fillId="0" borderId="21" xfId="0" applyFont="1" applyBorder="1" applyAlignment="1">
      <alignment vertical="center"/>
    </xf>
    <xf numFmtId="0" fontId="17" fillId="0" borderId="12" xfId="0" applyFont="1" applyBorder="1" applyAlignment="1">
      <alignment vertical="center"/>
    </xf>
    <xf numFmtId="0" fontId="11" fillId="0" borderId="17" xfId="0" applyFont="1" applyFill="1" applyBorder="1" applyAlignment="1">
      <alignment horizontal="center" vertical="center"/>
    </xf>
    <xf numFmtId="0" fontId="17" fillId="0" borderId="0" xfId="0" applyFont="1" applyBorder="1">
      <alignment vertical="center"/>
    </xf>
    <xf numFmtId="0" fontId="18" fillId="0" borderId="7" xfId="0" applyFont="1" applyFill="1" applyBorder="1" applyAlignment="1">
      <alignment vertical="center"/>
    </xf>
    <xf numFmtId="0" fontId="19" fillId="0" borderId="7" xfId="0" applyFont="1" applyFill="1" applyBorder="1" applyAlignment="1">
      <alignment vertical="center"/>
    </xf>
    <xf numFmtId="0" fontId="3" fillId="0" borderId="7" xfId="0" applyFont="1" applyFill="1" applyBorder="1" applyAlignment="1">
      <alignment vertical="center"/>
    </xf>
    <xf numFmtId="0" fontId="0" fillId="0" borderId="5" xfId="0" applyBorder="1">
      <alignment vertical="center"/>
    </xf>
    <xf numFmtId="0" fontId="0" fillId="0" borderId="3" xfId="0" applyBorder="1">
      <alignment vertical="center"/>
    </xf>
    <xf numFmtId="0" fontId="0" fillId="0" borderId="2" xfId="0" applyBorder="1">
      <alignment vertical="center"/>
    </xf>
    <xf numFmtId="0" fontId="18" fillId="0" borderId="0" xfId="0" applyFont="1" applyFill="1" applyBorder="1" applyAlignment="1">
      <alignment vertical="center"/>
    </xf>
    <xf numFmtId="0" fontId="19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0" fillId="0" borderId="21" xfId="0" applyBorder="1">
      <alignment vertical="center"/>
    </xf>
    <xf numFmtId="0" fontId="11" fillId="0" borderId="21" xfId="0" applyFont="1" applyBorder="1">
      <alignment vertical="center"/>
    </xf>
    <xf numFmtId="0" fontId="11" fillId="0" borderId="22" xfId="0" applyFont="1" applyBorder="1">
      <alignment vertical="center"/>
    </xf>
    <xf numFmtId="0" fontId="11" fillId="0" borderId="12" xfId="0" applyFont="1" applyBorder="1" applyAlignment="1">
      <alignment horizontal="center" vertical="center"/>
    </xf>
    <xf numFmtId="0" fontId="11" fillId="0" borderId="12" xfId="0" applyFont="1" applyBorder="1">
      <alignment vertical="center"/>
    </xf>
    <xf numFmtId="0" fontId="11" fillId="0" borderId="17" xfId="0" applyFont="1" applyBorder="1">
      <alignment vertical="center"/>
    </xf>
    <xf numFmtId="0" fontId="18" fillId="0" borderId="0" xfId="0" applyFont="1" applyBorder="1" applyAlignment="1"/>
    <xf numFmtId="0" fontId="19" fillId="0" borderId="0" xfId="0" applyFont="1" applyBorder="1" applyAlignment="1"/>
    <xf numFmtId="0" fontId="3" fillId="0" borderId="0" xfId="0" applyFont="1" applyBorder="1" applyAlignment="1"/>
    <xf numFmtId="0" fontId="2" fillId="0" borderId="16" xfId="0" applyFont="1" applyFill="1" applyBorder="1" applyAlignment="1">
      <alignment shrinkToFit="1"/>
    </xf>
    <xf numFmtId="0" fontId="11" fillId="0" borderId="0" xfId="0" applyFont="1" applyAlignment="1">
      <alignment horizontal="center" vertical="center"/>
    </xf>
    <xf numFmtId="0" fontId="13" fillId="5" borderId="38" xfId="0" applyFont="1" applyFill="1" applyBorder="1" applyAlignment="1">
      <alignment horizontal="center" vertical="center"/>
    </xf>
    <xf numFmtId="0" fontId="11" fillId="6" borderId="38" xfId="0" applyFont="1" applyFill="1" applyBorder="1" applyAlignment="1">
      <alignment horizontal="center" vertical="center"/>
    </xf>
    <xf numFmtId="0" fontId="11" fillId="7" borderId="38" xfId="0" applyFont="1" applyFill="1" applyBorder="1" applyAlignment="1">
      <alignment horizontal="center" vertical="center"/>
    </xf>
    <xf numFmtId="0" fontId="11" fillId="0" borderId="0" xfId="0" applyFont="1">
      <alignment vertical="center"/>
    </xf>
    <xf numFmtId="0" fontId="11" fillId="0" borderId="38" xfId="0" applyFont="1" applyBorder="1">
      <alignment vertical="center"/>
    </xf>
    <xf numFmtId="179" fontId="11" fillId="0" borderId="38" xfId="0" applyNumberFormat="1" applyFont="1" applyBorder="1">
      <alignment vertical="center"/>
    </xf>
    <xf numFmtId="0" fontId="13" fillId="4" borderId="38" xfId="0" applyFont="1" applyFill="1" applyBorder="1" applyAlignment="1">
      <alignment horizontal="center" vertical="center"/>
    </xf>
    <xf numFmtId="0" fontId="11" fillId="0" borderId="38" xfId="0" applyFont="1" applyBorder="1" applyAlignment="1">
      <alignment horizontal="left" vertical="center"/>
    </xf>
    <xf numFmtId="179" fontId="11" fillId="0" borderId="38" xfId="0" applyNumberFormat="1" applyFont="1" applyBorder="1" applyAlignment="1">
      <alignment horizontal="left" vertical="center"/>
    </xf>
    <xf numFmtId="0" fontId="11" fillId="0" borderId="38" xfId="0" applyNumberFormat="1" applyFont="1" applyBorder="1" applyAlignment="1">
      <alignment horizontal="left" vertical="center"/>
    </xf>
    <xf numFmtId="0" fontId="11" fillId="0" borderId="0" xfId="0" applyFont="1" applyAlignment="1">
      <alignment horizontal="left" vertical="center"/>
    </xf>
    <xf numFmtId="0" fontId="0" fillId="0" borderId="0" xfId="0" applyAlignment="1">
      <alignment horizontal="right" vertical="center"/>
    </xf>
    <xf numFmtId="0" fontId="3" fillId="0" borderId="0" xfId="0" applyFont="1" applyBorder="1" applyAlignment="1">
      <alignment vertical="center"/>
    </xf>
    <xf numFmtId="176" fontId="12" fillId="0" borderId="3" xfId="0" applyNumberFormat="1" applyFont="1" applyBorder="1" applyAlignment="1">
      <alignment horizontal="right" vertical="center"/>
    </xf>
    <xf numFmtId="178" fontId="11" fillId="2" borderId="0" xfId="0" applyNumberFormat="1" applyFont="1" applyFill="1" applyBorder="1" applyAlignment="1">
      <alignment horizontal="center" vertical="center" shrinkToFit="1"/>
    </xf>
    <xf numFmtId="0" fontId="12" fillId="3" borderId="16" xfId="0" applyFont="1" applyFill="1" applyBorder="1" applyAlignment="1">
      <alignment horizontal="center" vertical="center" wrapText="1"/>
    </xf>
    <xf numFmtId="0" fontId="8" fillId="0" borderId="20" xfId="0" applyFont="1" applyBorder="1" applyAlignment="1">
      <alignment horizontal="center" vertical="center" wrapText="1"/>
    </xf>
    <xf numFmtId="0" fontId="8" fillId="0" borderId="21" xfId="0" applyFont="1" applyBorder="1" applyAlignment="1">
      <alignment horizontal="center" vertical="center" wrapText="1"/>
    </xf>
    <xf numFmtId="0" fontId="8" fillId="0" borderId="22" xfId="0" applyFont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17" xfId="0" applyFont="1" applyBorder="1" applyAlignment="1">
      <alignment horizontal="center" vertical="center" wrapText="1"/>
    </xf>
    <xf numFmtId="0" fontId="6" fillId="0" borderId="36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37" xfId="0" applyFont="1" applyBorder="1" applyAlignment="1">
      <alignment horizontal="center" vertical="center" wrapText="1"/>
    </xf>
    <xf numFmtId="0" fontId="7" fillId="2" borderId="10" xfId="0" applyFont="1" applyFill="1" applyBorder="1" applyAlignment="1">
      <alignment horizontal="center" vertical="center" shrinkToFit="1"/>
    </xf>
    <xf numFmtId="0" fontId="10" fillId="0" borderId="11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10" fillId="0" borderId="9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0" fontId="10" fillId="0" borderId="12" xfId="0" applyFont="1" applyBorder="1" applyAlignment="1">
      <alignment horizontal="center" vertical="center" wrapText="1"/>
    </xf>
    <xf numFmtId="0" fontId="10" fillId="0" borderId="18" xfId="0" applyFont="1" applyBorder="1" applyAlignment="1">
      <alignment horizontal="center" vertical="center" wrapText="1"/>
    </xf>
    <xf numFmtId="0" fontId="10" fillId="0" borderId="16" xfId="0" applyFont="1" applyBorder="1" applyAlignment="1">
      <alignment horizontal="center" vertical="center" wrapText="1"/>
    </xf>
    <xf numFmtId="0" fontId="10" fillId="0" borderId="17" xfId="0" applyFont="1" applyBorder="1" applyAlignment="1">
      <alignment horizontal="center" vertical="center" wrapText="1"/>
    </xf>
    <xf numFmtId="0" fontId="10" fillId="0" borderId="4" xfId="0" applyFont="1" applyBorder="1" applyAlignment="1">
      <alignment horizontal="center" vertical="center" wrapText="1"/>
    </xf>
    <xf numFmtId="0" fontId="14" fillId="2" borderId="13" xfId="0" applyFont="1" applyFill="1" applyBorder="1" applyAlignment="1">
      <alignment horizontal="center" vertical="center" shrinkToFit="1"/>
    </xf>
    <xf numFmtId="0" fontId="14" fillId="2" borderId="0" xfId="0" applyFont="1" applyFill="1" applyBorder="1" applyAlignment="1">
      <alignment horizontal="center" vertical="center" shrinkToFit="1"/>
    </xf>
    <xf numFmtId="0" fontId="3" fillId="0" borderId="0" xfId="0" applyFont="1" applyAlignment="1">
      <alignment horizontal="center" vertical="center" wrapText="1"/>
    </xf>
    <xf numFmtId="0" fontId="8" fillId="0" borderId="25" xfId="0" applyFont="1" applyBorder="1" applyAlignment="1">
      <alignment horizontal="center" vertical="center" wrapText="1"/>
    </xf>
    <xf numFmtId="0" fontId="8" fillId="0" borderId="26" xfId="0" applyFont="1" applyBorder="1" applyAlignment="1">
      <alignment horizontal="center" vertical="center" wrapText="1"/>
    </xf>
    <xf numFmtId="0" fontId="8" fillId="0" borderId="30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 wrapText="1"/>
    </xf>
    <xf numFmtId="0" fontId="8" fillId="0" borderId="27" xfId="0" applyFont="1" applyBorder="1" applyAlignment="1">
      <alignment horizontal="center" vertical="center" wrapText="1"/>
    </xf>
    <xf numFmtId="0" fontId="13" fillId="2" borderId="28" xfId="0" applyFont="1" applyFill="1" applyBorder="1" applyAlignment="1">
      <alignment horizontal="left" vertical="center" wrapText="1"/>
    </xf>
    <xf numFmtId="0" fontId="13" fillId="2" borderId="10" xfId="0" applyFont="1" applyFill="1" applyBorder="1" applyAlignment="1">
      <alignment horizontal="left" vertical="center" wrapText="1"/>
    </xf>
    <xf numFmtId="0" fontId="13" fillId="2" borderId="29" xfId="0" applyFont="1" applyFill="1" applyBorder="1" applyAlignment="1">
      <alignment horizontal="left" vertical="center" wrapText="1"/>
    </xf>
    <xf numFmtId="0" fontId="8" fillId="0" borderId="32" xfId="0" applyFont="1" applyBorder="1" applyAlignment="1">
      <alignment horizontal="center" vertical="center"/>
    </xf>
    <xf numFmtId="0" fontId="13" fillId="2" borderId="33" xfId="0" applyFont="1" applyFill="1" applyBorder="1" applyAlignment="1">
      <alignment horizontal="left" vertical="center" wrapText="1"/>
    </xf>
    <xf numFmtId="0" fontId="13" fillId="2" borderId="34" xfId="0" applyFont="1" applyFill="1" applyBorder="1" applyAlignment="1">
      <alignment horizontal="left" vertical="center" wrapText="1"/>
    </xf>
    <xf numFmtId="0" fontId="13" fillId="2" borderId="35" xfId="0" applyFont="1" applyFill="1" applyBorder="1" applyAlignment="1">
      <alignment horizontal="left" vertical="center" wrapText="1"/>
    </xf>
    <xf numFmtId="0" fontId="11" fillId="0" borderId="0" xfId="0" applyFont="1" applyFill="1" applyBorder="1" applyAlignment="1">
      <alignment horizontal="center" vertical="top" wrapText="1"/>
    </xf>
    <xf numFmtId="0" fontId="11" fillId="0" borderId="16" xfId="0" applyFont="1" applyBorder="1" applyAlignment="1">
      <alignment horizontal="center" vertical="top" wrapText="1"/>
    </xf>
    <xf numFmtId="0" fontId="12" fillId="2" borderId="23" xfId="0" applyFont="1" applyFill="1" applyBorder="1" applyAlignment="1">
      <alignment horizontal="left" vertical="center" wrapText="1"/>
    </xf>
    <xf numFmtId="0" fontId="12" fillId="2" borderId="21" xfId="0" applyFont="1" applyFill="1" applyBorder="1" applyAlignment="1">
      <alignment horizontal="left" vertical="center" wrapText="1"/>
    </xf>
    <xf numFmtId="0" fontId="12" fillId="2" borderId="24" xfId="0" applyFont="1" applyFill="1" applyBorder="1" applyAlignment="1">
      <alignment horizontal="left" vertical="center" wrapText="1"/>
    </xf>
    <xf numFmtId="0" fontId="12" fillId="2" borderId="18" xfId="0" applyFont="1" applyFill="1" applyBorder="1" applyAlignment="1">
      <alignment horizontal="left" vertical="center" wrapText="1"/>
    </xf>
    <xf numFmtId="0" fontId="12" fillId="2" borderId="16" xfId="0" applyFont="1" applyFill="1" applyBorder="1" applyAlignment="1">
      <alignment horizontal="left" vertical="center" wrapText="1"/>
    </xf>
    <xf numFmtId="0" fontId="12" fillId="2" borderId="19" xfId="0" applyFont="1" applyFill="1" applyBorder="1" applyAlignment="1">
      <alignment horizontal="left" vertical="center" wrapText="1"/>
    </xf>
    <xf numFmtId="0" fontId="12" fillId="0" borderId="23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12" fillId="0" borderId="22" xfId="0" applyFont="1" applyBorder="1" applyAlignment="1">
      <alignment horizontal="center" vertical="center" wrapText="1"/>
    </xf>
    <xf numFmtId="0" fontId="12" fillId="0" borderId="14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 wrapText="1"/>
    </xf>
    <xf numFmtId="0" fontId="12" fillId="0" borderId="12" xfId="0" applyFont="1" applyBorder="1" applyAlignment="1">
      <alignment horizontal="center" vertical="center" wrapText="1"/>
    </xf>
    <xf numFmtId="0" fontId="12" fillId="0" borderId="18" xfId="0" applyFont="1" applyBorder="1" applyAlignment="1">
      <alignment horizontal="center" vertical="center" wrapText="1"/>
    </xf>
    <xf numFmtId="0" fontId="12" fillId="0" borderId="16" xfId="0" applyFont="1" applyBorder="1" applyAlignment="1">
      <alignment horizontal="center" vertical="center" wrapText="1"/>
    </xf>
    <xf numFmtId="0" fontId="12" fillId="0" borderId="17" xfId="0" applyFont="1" applyBorder="1" applyAlignment="1">
      <alignment horizontal="center" vertical="center" wrapText="1"/>
    </xf>
    <xf numFmtId="0" fontId="12" fillId="2" borderId="22" xfId="0" applyFont="1" applyFill="1" applyBorder="1" applyAlignment="1">
      <alignment horizontal="left" vertical="center" wrapText="1"/>
    </xf>
    <xf numFmtId="0" fontId="12" fillId="2" borderId="17" xfId="0" applyFont="1" applyFill="1" applyBorder="1" applyAlignment="1">
      <alignment horizontal="left" vertical="center" wrapText="1"/>
    </xf>
    <xf numFmtId="178" fontId="11" fillId="2" borderId="23" xfId="0" applyNumberFormat="1" applyFont="1" applyFill="1" applyBorder="1" applyAlignment="1">
      <alignment horizontal="right" vertical="center"/>
    </xf>
    <xf numFmtId="178" fontId="11" fillId="2" borderId="21" xfId="0" applyNumberFormat="1" applyFont="1" applyFill="1" applyBorder="1" applyAlignment="1">
      <alignment horizontal="right" vertical="center"/>
    </xf>
    <xf numFmtId="178" fontId="11" fillId="2" borderId="21" xfId="0" applyNumberFormat="1" applyFont="1" applyFill="1" applyBorder="1" applyAlignment="1">
      <alignment horizontal="center" vertical="center"/>
    </xf>
    <xf numFmtId="0" fontId="12" fillId="0" borderId="38" xfId="0" applyFont="1" applyFill="1" applyBorder="1" applyAlignment="1">
      <alignment horizontal="center" vertical="center" wrapText="1"/>
    </xf>
    <xf numFmtId="0" fontId="3" fillId="0" borderId="0" xfId="0" applyFont="1" applyBorder="1" applyAlignment="1">
      <alignment vertical="center"/>
    </xf>
    <xf numFmtId="0" fontId="3" fillId="0" borderId="7" xfId="0" applyFont="1" applyFill="1" applyBorder="1" applyAlignment="1">
      <alignment horizontal="left" vertical="center" wrapText="1"/>
    </xf>
    <xf numFmtId="0" fontId="5" fillId="0" borderId="23" xfId="0" applyFont="1" applyBorder="1" applyAlignment="1">
      <alignment horizontal="center" vertical="center" wrapText="1"/>
    </xf>
    <xf numFmtId="0" fontId="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11" fillId="0" borderId="24" xfId="0" applyFont="1" applyBorder="1" applyAlignment="1">
      <alignment horizontal="center" vertical="center"/>
    </xf>
    <xf numFmtId="0" fontId="11" fillId="0" borderId="19" xfId="0" applyFont="1" applyBorder="1" applyAlignment="1">
      <alignment horizontal="center" vertical="center"/>
    </xf>
    <xf numFmtId="178" fontId="11" fillId="2" borderId="42" xfId="0" applyNumberFormat="1" applyFont="1" applyFill="1" applyBorder="1" applyAlignment="1">
      <alignment horizontal="center" vertical="center" shrinkToFit="1"/>
    </xf>
    <xf numFmtId="178" fontId="11" fillId="2" borderId="43" xfId="0" applyNumberFormat="1" applyFont="1" applyFill="1" applyBorder="1" applyAlignment="1">
      <alignment horizontal="center" vertical="center" shrinkToFit="1"/>
    </xf>
    <xf numFmtId="178" fontId="11" fillId="2" borderId="44" xfId="0" applyNumberFormat="1" applyFont="1" applyFill="1" applyBorder="1" applyAlignment="1">
      <alignment horizontal="center" vertical="center" shrinkToFit="1"/>
    </xf>
    <xf numFmtId="0" fontId="12" fillId="2" borderId="42" xfId="0" applyFont="1" applyFill="1" applyBorder="1" applyAlignment="1">
      <alignment horizontal="left" vertical="center"/>
    </xf>
    <xf numFmtId="0" fontId="12" fillId="2" borderId="43" xfId="0" applyFont="1" applyFill="1" applyBorder="1" applyAlignment="1">
      <alignment horizontal="left" vertical="center"/>
    </xf>
    <xf numFmtId="0" fontId="12" fillId="2" borderId="45" xfId="0" applyFont="1" applyFill="1" applyBorder="1" applyAlignment="1">
      <alignment horizontal="left" vertical="center"/>
    </xf>
    <xf numFmtId="0" fontId="12" fillId="2" borderId="21" xfId="0" applyFont="1" applyFill="1" applyBorder="1" applyAlignment="1">
      <alignment horizontal="left" vertical="center"/>
    </xf>
    <xf numFmtId="0" fontId="12" fillId="2" borderId="24" xfId="0" applyFont="1" applyFill="1" applyBorder="1" applyAlignment="1">
      <alignment horizontal="left" vertical="center"/>
    </xf>
    <xf numFmtId="0" fontId="12" fillId="2" borderId="0" xfId="0" applyFont="1" applyFill="1" applyBorder="1" applyAlignment="1">
      <alignment horizontal="left" vertical="center"/>
    </xf>
    <xf numFmtId="0" fontId="12" fillId="2" borderId="1" xfId="0" applyFont="1" applyFill="1" applyBorder="1" applyAlignment="1">
      <alignment horizontal="left" vertical="center"/>
    </xf>
    <xf numFmtId="0" fontId="12" fillId="2" borderId="16" xfId="0" applyFont="1" applyFill="1" applyBorder="1" applyAlignment="1">
      <alignment horizontal="left" vertical="center"/>
    </xf>
    <xf numFmtId="0" fontId="12" fillId="2" borderId="19" xfId="0" applyFont="1" applyFill="1" applyBorder="1" applyAlignment="1">
      <alignment horizontal="left" vertical="center"/>
    </xf>
    <xf numFmtId="0" fontId="10" fillId="0" borderId="20" xfId="0" applyFont="1" applyBorder="1" applyAlignment="1">
      <alignment horizontal="center" vertical="center" wrapText="1"/>
    </xf>
    <xf numFmtId="0" fontId="10" fillId="0" borderId="21" xfId="0" applyFont="1" applyBorder="1" applyAlignment="1">
      <alignment horizontal="center" vertical="center" wrapText="1"/>
    </xf>
    <xf numFmtId="0" fontId="10" fillId="0" borderId="22" xfId="0" applyFont="1" applyBorder="1" applyAlignment="1">
      <alignment horizontal="center" vertical="center" wrapText="1"/>
    </xf>
    <xf numFmtId="0" fontId="10" fillId="0" borderId="15" xfId="0" applyFont="1" applyBorder="1" applyAlignment="1">
      <alignment horizontal="center" vertical="center" wrapText="1"/>
    </xf>
    <xf numFmtId="0" fontId="12" fillId="2" borderId="23" xfId="0" applyFont="1" applyFill="1" applyBorder="1" applyAlignment="1">
      <alignment horizontal="center" vertical="center" wrapText="1"/>
    </xf>
    <xf numFmtId="0" fontId="12" fillId="2" borderId="21" xfId="0" applyFont="1" applyFill="1" applyBorder="1" applyAlignment="1">
      <alignment horizontal="center" vertical="center" wrapText="1"/>
    </xf>
    <xf numFmtId="0" fontId="12" fillId="2" borderId="22" xfId="0" applyFont="1" applyFill="1" applyBorder="1" applyAlignment="1">
      <alignment horizontal="center" vertical="center" wrapText="1"/>
    </xf>
    <xf numFmtId="0" fontId="12" fillId="2" borderId="18" xfId="0" applyFont="1" applyFill="1" applyBorder="1" applyAlignment="1">
      <alignment horizontal="center" vertical="center" wrapText="1"/>
    </xf>
    <xf numFmtId="0" fontId="12" fillId="2" borderId="16" xfId="0" applyFont="1" applyFill="1" applyBorder="1" applyAlignment="1">
      <alignment horizontal="center" vertical="center" wrapText="1"/>
    </xf>
    <xf numFmtId="0" fontId="12" fillId="2" borderId="17" xfId="0" applyFont="1" applyFill="1" applyBorder="1" applyAlignment="1">
      <alignment horizontal="center" vertical="center" wrapText="1"/>
    </xf>
    <xf numFmtId="0" fontId="10" fillId="0" borderId="38" xfId="0" applyFont="1" applyBorder="1" applyAlignment="1">
      <alignment horizontal="center" vertical="center" wrapText="1"/>
    </xf>
    <xf numFmtId="0" fontId="12" fillId="3" borderId="23" xfId="0" applyFont="1" applyFill="1" applyBorder="1" applyAlignment="1">
      <alignment horizontal="center" vertical="center"/>
    </xf>
    <xf numFmtId="0" fontId="12" fillId="3" borderId="21" xfId="0" applyFont="1" applyFill="1" applyBorder="1" applyAlignment="1">
      <alignment horizontal="center" vertical="center"/>
    </xf>
    <xf numFmtId="0" fontId="12" fillId="3" borderId="18" xfId="0" applyFont="1" applyFill="1" applyBorder="1" applyAlignment="1">
      <alignment horizontal="center" vertical="center"/>
    </xf>
    <xf numFmtId="0" fontId="12" fillId="3" borderId="16" xfId="0" applyFont="1" applyFill="1" applyBorder="1" applyAlignment="1">
      <alignment horizontal="center" vertical="center"/>
    </xf>
    <xf numFmtId="0" fontId="11" fillId="2" borderId="21" xfId="0" applyFont="1" applyFill="1" applyBorder="1" applyAlignment="1">
      <alignment horizontal="center" vertical="center" wrapText="1"/>
    </xf>
    <xf numFmtId="0" fontId="11" fillId="2" borderId="16" xfId="0" applyFont="1" applyFill="1" applyBorder="1" applyAlignment="1">
      <alignment horizontal="center" vertical="center" wrapText="1"/>
    </xf>
    <xf numFmtId="0" fontId="11" fillId="0" borderId="22" xfId="0" applyFont="1" applyBorder="1" applyAlignment="1">
      <alignment horizontal="center" vertical="center"/>
    </xf>
    <xf numFmtId="0" fontId="11" fillId="0" borderId="17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 wrapText="1"/>
    </xf>
    <xf numFmtId="0" fontId="11" fillId="0" borderId="21" xfId="0" applyFont="1" applyBorder="1" applyAlignment="1">
      <alignment horizontal="center" vertical="center" wrapText="1"/>
    </xf>
    <xf numFmtId="0" fontId="11" fillId="0" borderId="16" xfId="0" applyFont="1" applyBorder="1" applyAlignment="1">
      <alignment horizontal="center" vertical="center" wrapText="1"/>
    </xf>
    <xf numFmtId="0" fontId="0" fillId="2" borderId="21" xfId="0" applyFill="1" applyBorder="1" applyAlignment="1">
      <alignment horizontal="center" vertical="center"/>
    </xf>
    <xf numFmtId="0" fontId="0" fillId="2" borderId="16" xfId="0" applyFill="1" applyBorder="1" applyAlignment="1">
      <alignment horizontal="center" vertical="center"/>
    </xf>
    <xf numFmtId="0" fontId="13" fillId="0" borderId="21" xfId="0" applyFont="1" applyBorder="1" applyAlignment="1">
      <alignment horizontal="center" vertical="center"/>
    </xf>
    <xf numFmtId="0" fontId="13" fillId="0" borderId="16" xfId="0" applyFont="1" applyBorder="1" applyAlignment="1">
      <alignment horizontal="center" vertical="center"/>
    </xf>
    <xf numFmtId="0" fontId="10" fillId="0" borderId="50" xfId="0" applyFont="1" applyBorder="1" applyAlignment="1">
      <alignment horizontal="center" vertical="center" wrapText="1"/>
    </xf>
    <xf numFmtId="0" fontId="10" fillId="0" borderId="51" xfId="0" applyFont="1" applyBorder="1" applyAlignment="1">
      <alignment horizontal="center" vertical="center" wrapText="1"/>
    </xf>
    <xf numFmtId="0" fontId="10" fillId="0" borderId="52" xfId="0" applyFont="1" applyBorder="1" applyAlignment="1">
      <alignment horizontal="center" vertical="center" wrapText="1"/>
    </xf>
    <xf numFmtId="0" fontId="12" fillId="2" borderId="53" xfId="0" applyFont="1" applyFill="1" applyBorder="1" applyAlignment="1">
      <alignment horizontal="left" vertical="center" wrapText="1"/>
    </xf>
    <xf numFmtId="0" fontId="12" fillId="2" borderId="51" xfId="0" applyFont="1" applyFill="1" applyBorder="1" applyAlignment="1">
      <alignment horizontal="left" vertical="center" wrapText="1"/>
    </xf>
    <xf numFmtId="0" fontId="12" fillId="2" borderId="54" xfId="0" applyFont="1" applyFill="1" applyBorder="1" applyAlignment="1">
      <alignment horizontal="left" vertical="center" wrapText="1"/>
    </xf>
    <xf numFmtId="178" fontId="11" fillId="2" borderId="55" xfId="0" applyNumberFormat="1" applyFont="1" applyFill="1" applyBorder="1" applyAlignment="1">
      <alignment horizontal="center" vertical="center" shrinkToFit="1"/>
    </xf>
    <xf numFmtId="178" fontId="11" fillId="2" borderId="56" xfId="0" applyNumberFormat="1" applyFont="1" applyFill="1" applyBorder="1" applyAlignment="1">
      <alignment horizontal="center" vertical="center" shrinkToFit="1"/>
    </xf>
    <xf numFmtId="178" fontId="11" fillId="2" borderId="57" xfId="0" applyNumberFormat="1" applyFont="1" applyFill="1" applyBorder="1" applyAlignment="1">
      <alignment horizontal="center" vertical="center" shrinkToFit="1"/>
    </xf>
    <xf numFmtId="0" fontId="12" fillId="2" borderId="55" xfId="0" applyFont="1" applyFill="1" applyBorder="1" applyAlignment="1">
      <alignment horizontal="left" vertical="center"/>
    </xf>
    <xf numFmtId="0" fontId="12" fillId="2" borderId="56" xfId="0" applyFont="1" applyFill="1" applyBorder="1" applyAlignment="1">
      <alignment horizontal="left" vertical="center"/>
    </xf>
    <xf numFmtId="0" fontId="12" fillId="2" borderId="58" xfId="0" applyFont="1" applyFill="1" applyBorder="1" applyAlignment="1">
      <alignment horizontal="left" vertical="center"/>
    </xf>
    <xf numFmtId="0" fontId="10" fillId="0" borderId="46" xfId="0" applyFont="1" applyBorder="1" applyAlignment="1">
      <alignment horizontal="center" vertical="center" wrapText="1"/>
    </xf>
    <xf numFmtId="0" fontId="10" fillId="0" borderId="47" xfId="0" applyFont="1" applyBorder="1" applyAlignment="1">
      <alignment horizontal="center" vertical="center" wrapText="1"/>
    </xf>
    <xf numFmtId="177" fontId="11" fillId="2" borderId="0" xfId="0" applyNumberFormat="1" applyFont="1" applyFill="1" applyBorder="1" applyAlignment="1">
      <alignment horizontal="center" vertical="center" shrinkToFit="1"/>
    </xf>
    <xf numFmtId="0" fontId="10" fillId="0" borderId="59" xfId="0" applyFont="1" applyBorder="1" applyAlignment="1">
      <alignment horizontal="center" vertical="center" wrapText="1"/>
    </xf>
    <xf numFmtId="0" fontId="10" fillId="0" borderId="60" xfId="0" applyFont="1" applyBorder="1" applyAlignment="1">
      <alignment horizontal="center" vertical="center" wrapText="1"/>
    </xf>
    <xf numFmtId="0" fontId="12" fillId="2" borderId="48" xfId="0" applyFont="1" applyFill="1" applyBorder="1" applyAlignment="1">
      <alignment horizontal="left" vertical="center"/>
    </xf>
    <xf numFmtId="0" fontId="12" fillId="2" borderId="47" xfId="0" applyFont="1" applyFill="1" applyBorder="1" applyAlignment="1">
      <alignment horizontal="left" vertical="center"/>
    </xf>
    <xf numFmtId="0" fontId="12" fillId="2" borderId="49" xfId="0" applyFont="1" applyFill="1" applyBorder="1" applyAlignment="1">
      <alignment horizontal="left" vertical="center"/>
    </xf>
    <xf numFmtId="0" fontId="2" fillId="2" borderId="0" xfId="0" applyFont="1" applyFill="1" applyBorder="1" applyAlignment="1">
      <alignment horizontal="left" vertical="center" wrapText="1"/>
    </xf>
    <xf numFmtId="0" fontId="6" fillId="0" borderId="39" xfId="0" applyFont="1" applyBorder="1" applyAlignment="1">
      <alignment horizontal="center" vertical="center" wrapText="1"/>
    </xf>
    <xf numFmtId="0" fontId="6" fillId="0" borderId="40" xfId="0" applyFont="1" applyBorder="1" applyAlignment="1">
      <alignment horizontal="center" vertical="center" wrapText="1"/>
    </xf>
    <xf numFmtId="0" fontId="6" fillId="0" borderId="41" xfId="0" applyFont="1" applyBorder="1" applyAlignment="1">
      <alignment horizontal="center" vertical="center" wrapText="1"/>
    </xf>
    <xf numFmtId="0" fontId="7" fillId="2" borderId="40" xfId="0" applyFont="1" applyFill="1" applyBorder="1" applyAlignment="1">
      <alignment horizontal="center" vertical="center" shrinkToFit="1"/>
    </xf>
    <xf numFmtId="0" fontId="10" fillId="0" borderId="23" xfId="0" applyFont="1" applyBorder="1" applyAlignment="1">
      <alignment horizontal="center" vertical="center" wrapText="1"/>
    </xf>
    <xf numFmtId="0" fontId="8" fillId="0" borderId="18" xfId="0" applyFont="1" applyBorder="1" applyAlignment="1">
      <alignment horizontal="center" vertical="center" wrapText="1"/>
    </xf>
    <xf numFmtId="0" fontId="12" fillId="3" borderId="16" xfId="0" applyFont="1" applyFill="1" applyBorder="1" applyAlignment="1">
      <alignment horizontal="center" vertical="top" wrapText="1"/>
    </xf>
    <xf numFmtId="0" fontId="3" fillId="0" borderId="0" xfId="0" applyFont="1" applyFill="1" applyBorder="1" applyAlignment="1">
      <alignment horizontal="left" vertical="center" wrapText="1"/>
    </xf>
    <xf numFmtId="178" fontId="11" fillId="2" borderId="16" xfId="0" applyNumberFormat="1" applyFont="1" applyFill="1" applyBorder="1" applyAlignment="1">
      <alignment horizontal="right" vertical="center" shrinkToFit="1"/>
    </xf>
    <xf numFmtId="0" fontId="2" fillId="2" borderId="16" xfId="0" applyFont="1" applyFill="1" applyBorder="1" applyAlignment="1">
      <alignment horizontal="left" shrinkToFit="1"/>
    </xf>
    <xf numFmtId="0" fontId="2" fillId="2" borderId="16" xfId="0" applyFont="1" applyFill="1" applyBorder="1" applyAlignment="1">
      <alignment horizontal="left" wrapText="1"/>
    </xf>
    <xf numFmtId="0" fontId="2" fillId="2" borderId="16" xfId="0" applyFont="1" applyFill="1" applyBorder="1" applyAlignment="1">
      <alignment horizontal="right" wrapText="1"/>
    </xf>
    <xf numFmtId="178" fontId="11" fillId="2" borderId="0" xfId="0" applyNumberFormat="1" applyFont="1" applyFill="1" applyBorder="1" applyAlignment="1">
      <alignment horizontal="right" vertical="center"/>
    </xf>
    <xf numFmtId="178" fontId="11" fillId="2" borderId="0" xfId="0" applyNumberFormat="1" applyFont="1" applyFill="1" applyBorder="1" applyAlignment="1">
      <alignment horizontal="center" vertical="center"/>
    </xf>
    <xf numFmtId="0" fontId="13" fillId="2" borderId="28" xfId="0" applyFont="1" applyFill="1" applyBorder="1" applyAlignment="1">
      <alignment horizontal="center" vertical="center" wrapText="1"/>
    </xf>
    <xf numFmtId="0" fontId="13" fillId="2" borderId="10" xfId="0" applyFont="1" applyFill="1" applyBorder="1" applyAlignment="1">
      <alignment horizontal="center" vertical="center" wrapText="1"/>
    </xf>
    <xf numFmtId="0" fontId="13" fillId="2" borderId="29" xfId="0" applyFont="1" applyFill="1" applyBorder="1" applyAlignment="1">
      <alignment horizontal="center" vertical="center" wrapText="1"/>
    </xf>
    <xf numFmtId="0" fontId="13" fillId="2" borderId="33" xfId="0" applyFont="1" applyFill="1" applyBorder="1" applyAlignment="1">
      <alignment horizontal="center" vertical="center" wrapText="1"/>
    </xf>
    <xf numFmtId="0" fontId="13" fillId="2" borderId="34" xfId="0" applyFont="1" applyFill="1" applyBorder="1" applyAlignment="1">
      <alignment horizontal="center" vertical="center" wrapText="1"/>
    </xf>
    <xf numFmtId="0" fontId="13" fillId="2" borderId="35" xfId="0" applyFont="1" applyFill="1" applyBorder="1" applyAlignment="1">
      <alignment horizontal="center" vertical="center" wrapText="1"/>
    </xf>
    <xf numFmtId="0" fontId="13" fillId="6" borderId="38" xfId="0" applyFont="1" applyFill="1" applyBorder="1" applyAlignment="1">
      <alignment horizontal="center" vertical="center"/>
    </xf>
    <xf numFmtId="0" fontId="11" fillId="7" borderId="53" xfId="0" applyFont="1" applyFill="1" applyBorder="1" applyAlignment="1">
      <alignment horizontal="center" vertical="center"/>
    </xf>
    <xf numFmtId="0" fontId="11" fillId="7" borderId="51" xfId="0" applyFont="1" applyFill="1" applyBorder="1" applyAlignment="1">
      <alignment horizontal="center" vertical="center"/>
    </xf>
    <xf numFmtId="0" fontId="11" fillId="7" borderId="52" xfId="0" applyFont="1" applyFill="1" applyBorder="1" applyAlignment="1">
      <alignment horizontal="center" vertical="center"/>
    </xf>
    <xf numFmtId="0" fontId="13" fillId="5" borderId="53" xfId="0" applyFont="1" applyFill="1" applyBorder="1" applyAlignment="1">
      <alignment horizontal="center" vertical="center"/>
    </xf>
    <xf numFmtId="0" fontId="13" fillId="5" borderId="52" xfId="0" applyFont="1" applyFill="1" applyBorder="1" applyAlignment="1">
      <alignment horizontal="center" vertical="center"/>
    </xf>
    <xf numFmtId="0" fontId="13" fillId="4" borderId="61" xfId="0" applyFont="1" applyFill="1" applyBorder="1" applyAlignment="1">
      <alignment horizontal="center" vertical="center"/>
    </xf>
    <xf numFmtId="0" fontId="13" fillId="4" borderId="62" xfId="0" applyFont="1" applyFill="1" applyBorder="1" applyAlignment="1">
      <alignment horizontal="center" vertical="center"/>
    </xf>
    <xf numFmtId="0" fontId="13" fillId="4" borderId="61" xfId="0" applyFont="1" applyFill="1" applyBorder="1" applyAlignment="1">
      <alignment horizontal="center" vertical="center" wrapText="1"/>
    </xf>
    <xf numFmtId="0" fontId="13" fillId="4" borderId="62" xfId="0" applyFont="1" applyFill="1" applyBorder="1" applyAlignment="1">
      <alignment horizontal="center" vertical="center" wrapText="1"/>
    </xf>
    <xf numFmtId="0" fontId="13" fillId="4" borderId="53" xfId="0" applyFont="1" applyFill="1" applyBorder="1" applyAlignment="1">
      <alignment horizontal="center" vertical="center"/>
    </xf>
    <xf numFmtId="0" fontId="13" fillId="4" borderId="52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9525</xdr:colOff>
      <xdr:row>0</xdr:row>
      <xdr:rowOff>152400</xdr:rowOff>
    </xdr:from>
    <xdr:to>
      <xdr:col>15</xdr:col>
      <xdr:colOff>95250</xdr:colOff>
      <xdr:row>2</xdr:row>
      <xdr:rowOff>371476</xdr:rowOff>
    </xdr:to>
    <xdr:grpSp>
      <xdr:nvGrpSpPr>
        <xdr:cNvPr id="2" name="グループ化 1"/>
        <xdr:cNvGrpSpPr/>
      </xdr:nvGrpSpPr>
      <xdr:grpSpPr>
        <a:xfrm>
          <a:off x="1998345" y="152400"/>
          <a:ext cx="2005965" cy="645796"/>
          <a:chOff x="6315075" y="114300"/>
          <a:chExt cx="2019300" cy="638176"/>
        </a:xfrm>
      </xdr:grpSpPr>
      <xdr:sp macro="" textlink="">
        <xdr:nvSpPr>
          <xdr:cNvPr id="3" name="四角形吹き出し 2"/>
          <xdr:cNvSpPr/>
        </xdr:nvSpPr>
        <xdr:spPr>
          <a:xfrm>
            <a:off x="6315075" y="114300"/>
            <a:ext cx="2019300" cy="638176"/>
          </a:xfrm>
          <a:prstGeom prst="wedgeRectCallout">
            <a:avLst>
              <a:gd name="adj1" fmla="val 47092"/>
              <a:gd name="adj2" fmla="val 91807"/>
            </a:avLst>
          </a:prstGeom>
          <a:solidFill>
            <a:schemeClr val="bg1"/>
          </a:solidFill>
          <a:ln w="9525">
            <a:solidFill>
              <a:sysClr val="windowText" lastClr="000000"/>
            </a:solidFill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b"/>
          <a:lstStyle/>
          <a:p>
            <a:pPr algn="l"/>
            <a:endParaRPr kumimoji="1" lang="en-US" altLang="ja-JP" sz="1100">
              <a:solidFill>
                <a:sysClr val="windowText" lastClr="000000"/>
              </a:solidFill>
            </a:endParaRPr>
          </a:p>
          <a:p>
            <a:pPr algn="l"/>
            <a:r>
              <a:rPr kumimoji="1" lang="ja-JP" altLang="en-US" sz="1100" b="1">
                <a:solidFill>
                  <a:sysClr val="windowText" lastClr="000000"/>
                </a:solidFill>
              </a:rPr>
              <a:t>青い枠の中に入力してください。</a:t>
            </a:r>
          </a:p>
        </xdr:txBody>
      </xdr:sp>
      <xdr:sp macro="" textlink="">
        <xdr:nvSpPr>
          <xdr:cNvPr id="4" name="正方形/長方形 3"/>
          <xdr:cNvSpPr/>
        </xdr:nvSpPr>
        <xdr:spPr>
          <a:xfrm>
            <a:off x="6429375" y="190500"/>
            <a:ext cx="409575" cy="209550"/>
          </a:xfrm>
          <a:prstGeom prst="rect">
            <a:avLst/>
          </a:prstGeom>
          <a:solidFill>
            <a:schemeClr val="accent1">
              <a:lumMod val="40000"/>
              <a:lumOff val="60000"/>
            </a:schemeClr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B83"/>
  <sheetViews>
    <sheetView tabSelected="1" topLeftCell="A31" zoomScaleNormal="100" workbookViewId="0">
      <selection activeCell="F30" sqref="F30:J30"/>
    </sheetView>
  </sheetViews>
  <sheetFormatPr defaultRowHeight="14.4"/>
  <cols>
    <col min="1" max="1" width="0.8984375" style="23" customWidth="1"/>
    <col min="2" max="23" width="3.59765625" customWidth="1"/>
    <col min="24" max="24" width="1" customWidth="1"/>
    <col min="25" max="26" width="3.59765625" customWidth="1"/>
  </cols>
  <sheetData>
    <row r="1" spans="1:28" ht="18" customHeight="1">
      <c r="B1" s="2" t="s">
        <v>52</v>
      </c>
      <c r="C1" s="2"/>
      <c r="D1" s="2"/>
      <c r="E1" s="2"/>
      <c r="F1" s="2"/>
      <c r="G1" s="2"/>
      <c r="H1" s="2"/>
      <c r="I1" s="2"/>
      <c r="J1" s="2"/>
      <c r="K1" s="2"/>
    </row>
    <row r="2" spans="1:28" ht="15.6" customHeight="1" thickBot="1">
      <c r="B2" s="2"/>
      <c r="C2" s="2"/>
      <c r="D2" s="2"/>
      <c r="E2" s="2"/>
      <c r="F2" s="2"/>
      <c r="G2" s="2"/>
      <c r="H2" s="2"/>
      <c r="I2" s="2"/>
      <c r="J2" s="2"/>
      <c r="K2" s="2"/>
      <c r="Q2" s="74">
        <v>45931</v>
      </c>
      <c r="R2" s="74"/>
      <c r="S2" s="74"/>
      <c r="T2" s="74"/>
      <c r="U2" s="74"/>
      <c r="V2" s="74"/>
      <c r="W2" s="74"/>
    </row>
    <row r="3" spans="1:28" ht="37.5" customHeight="1">
      <c r="B3" s="99" t="s">
        <v>0</v>
      </c>
      <c r="C3" s="99"/>
      <c r="D3" s="99"/>
      <c r="E3" s="99"/>
      <c r="F3" s="99"/>
      <c r="G3" s="99"/>
      <c r="H3" s="99"/>
      <c r="I3" s="99"/>
      <c r="J3" s="100" t="s">
        <v>27</v>
      </c>
      <c r="K3" s="101"/>
      <c r="L3" s="101"/>
      <c r="M3" s="104" t="s">
        <v>28</v>
      </c>
      <c r="N3" s="104"/>
      <c r="O3" s="105"/>
      <c r="P3" s="106"/>
      <c r="Q3" s="106"/>
      <c r="R3" s="106"/>
      <c r="S3" s="106"/>
      <c r="T3" s="106"/>
      <c r="U3" s="106"/>
      <c r="V3" s="106"/>
      <c r="W3" s="107"/>
    </row>
    <row r="4" spans="1:28" ht="37.5" customHeight="1" thickBot="1">
      <c r="B4" s="21"/>
      <c r="C4" s="21"/>
      <c r="D4" s="21"/>
      <c r="E4" s="21"/>
      <c r="F4" s="21"/>
      <c r="G4" s="21"/>
      <c r="H4" s="21"/>
      <c r="I4" s="21"/>
      <c r="J4" s="102"/>
      <c r="K4" s="103"/>
      <c r="L4" s="103"/>
      <c r="M4" s="108" t="s">
        <v>29</v>
      </c>
      <c r="N4" s="108"/>
      <c r="O4" s="109"/>
      <c r="P4" s="110"/>
      <c r="Q4" s="110"/>
      <c r="R4" s="110"/>
      <c r="S4" s="110"/>
      <c r="T4" s="110"/>
      <c r="U4" s="110"/>
      <c r="V4" s="110"/>
      <c r="W4" s="111"/>
    </row>
    <row r="5" spans="1:28" ht="15.45" customHeight="1">
      <c r="B5" s="83" t="s">
        <v>3</v>
      </c>
      <c r="C5" s="84"/>
      <c r="D5" s="84"/>
      <c r="E5" s="85"/>
      <c r="F5" s="86"/>
      <c r="G5" s="86"/>
      <c r="H5" s="86"/>
      <c r="I5" s="86"/>
      <c r="J5" s="86"/>
      <c r="K5" s="86"/>
      <c r="L5" s="86"/>
      <c r="M5" s="87" t="s">
        <v>4</v>
      </c>
      <c r="N5" s="88"/>
      <c r="O5" s="88"/>
      <c r="P5" s="89"/>
      <c r="Q5" s="3"/>
      <c r="R5" s="4"/>
      <c r="S5" s="4"/>
      <c r="T5" s="5"/>
      <c r="U5" s="5"/>
      <c r="V5" s="5"/>
      <c r="W5" s="6"/>
      <c r="AB5" s="72"/>
    </row>
    <row r="6" spans="1:28" ht="15.45" customHeight="1">
      <c r="B6" s="96" t="s">
        <v>5</v>
      </c>
      <c r="C6" s="91"/>
      <c r="D6" s="91"/>
      <c r="E6" s="92"/>
      <c r="F6" s="97"/>
      <c r="G6" s="97"/>
      <c r="H6" s="97"/>
      <c r="I6" s="97"/>
      <c r="J6" s="97"/>
      <c r="K6" s="97"/>
      <c r="L6" s="97"/>
      <c r="M6" s="90"/>
      <c r="N6" s="91"/>
      <c r="O6" s="91"/>
      <c r="P6" s="92"/>
      <c r="Q6" s="7"/>
      <c r="R6" s="75" t="s">
        <v>99</v>
      </c>
      <c r="S6" s="75"/>
      <c r="T6" s="75"/>
      <c r="U6" s="75"/>
      <c r="V6" s="75"/>
      <c r="W6" s="8" t="s">
        <v>7</v>
      </c>
    </row>
    <row r="7" spans="1:28" ht="15.45" customHeight="1">
      <c r="B7" s="96"/>
      <c r="C7" s="91"/>
      <c r="D7" s="91"/>
      <c r="E7" s="92"/>
      <c r="F7" s="98"/>
      <c r="G7" s="98"/>
      <c r="H7" s="98"/>
      <c r="I7" s="98"/>
      <c r="J7" s="98"/>
      <c r="K7" s="98"/>
      <c r="L7" s="98"/>
      <c r="M7" s="90"/>
      <c r="N7" s="91"/>
      <c r="O7" s="91"/>
      <c r="P7" s="92"/>
      <c r="Q7" s="9"/>
      <c r="R7" s="24" t="s">
        <v>30</v>
      </c>
      <c r="S7" s="112" t="str">
        <f>IF(ISERROR(DATEDIF(R6,Q2,"Y")),"",DATEDIF(R6,Q2,"Y"))</f>
        <v/>
      </c>
      <c r="T7" s="112"/>
      <c r="U7" s="25" t="s">
        <v>8</v>
      </c>
      <c r="V7" s="25" t="s">
        <v>9</v>
      </c>
      <c r="W7" s="10"/>
    </row>
    <row r="8" spans="1:28" ht="15.45" customHeight="1">
      <c r="B8" s="80" t="s">
        <v>10</v>
      </c>
      <c r="C8" s="81"/>
      <c r="D8" s="81"/>
      <c r="E8" s="82"/>
      <c r="F8" s="11"/>
      <c r="G8" s="22" t="s">
        <v>30</v>
      </c>
      <c r="H8" s="76"/>
      <c r="I8" s="76"/>
      <c r="J8" s="76"/>
      <c r="K8" s="22" t="s">
        <v>31</v>
      </c>
      <c r="L8" s="12"/>
      <c r="M8" s="93"/>
      <c r="N8" s="94"/>
      <c r="O8" s="94"/>
      <c r="P8" s="95"/>
      <c r="Q8" s="13"/>
      <c r="R8" s="14"/>
      <c r="S8" s="113"/>
      <c r="T8" s="113"/>
      <c r="U8" s="15"/>
      <c r="V8" s="15"/>
      <c r="W8" s="16"/>
    </row>
    <row r="9" spans="1:28" ht="15.45" customHeight="1">
      <c r="B9" s="77" t="s">
        <v>32</v>
      </c>
      <c r="C9" s="78"/>
      <c r="D9" s="78"/>
      <c r="E9" s="79"/>
      <c r="F9" s="114"/>
      <c r="G9" s="115"/>
      <c r="H9" s="115"/>
      <c r="I9" s="115"/>
      <c r="J9" s="115"/>
      <c r="K9" s="115"/>
      <c r="L9" s="115"/>
      <c r="M9" s="115"/>
      <c r="N9" s="115"/>
      <c r="O9" s="115"/>
      <c r="P9" s="115"/>
      <c r="Q9" s="115"/>
      <c r="R9" s="115"/>
      <c r="S9" s="115"/>
      <c r="T9" s="115"/>
      <c r="U9" s="115"/>
      <c r="V9" s="115"/>
      <c r="W9" s="116"/>
    </row>
    <row r="10" spans="1:28" ht="15.45" customHeight="1">
      <c r="B10" s="80"/>
      <c r="C10" s="81"/>
      <c r="D10" s="81"/>
      <c r="E10" s="82"/>
      <c r="F10" s="117"/>
      <c r="G10" s="118"/>
      <c r="H10" s="118"/>
      <c r="I10" s="118"/>
      <c r="J10" s="118"/>
      <c r="K10" s="118"/>
      <c r="L10" s="118"/>
      <c r="M10" s="118"/>
      <c r="N10" s="118"/>
      <c r="O10" s="118"/>
      <c r="P10" s="118"/>
      <c r="Q10" s="118"/>
      <c r="R10" s="118"/>
      <c r="S10" s="118"/>
      <c r="T10" s="118"/>
      <c r="U10" s="118"/>
      <c r="V10" s="118"/>
      <c r="W10" s="119"/>
    </row>
    <row r="11" spans="1:28" ht="18" customHeight="1">
      <c r="B11" s="176" t="s">
        <v>22</v>
      </c>
      <c r="C11" s="138"/>
      <c r="D11" s="138"/>
      <c r="E11" s="139"/>
      <c r="F11" s="161"/>
      <c r="G11" s="162"/>
      <c r="H11" s="178" t="s">
        <v>6</v>
      </c>
      <c r="I11" s="180"/>
      <c r="J11" s="180"/>
      <c r="K11" s="182" t="s">
        <v>11</v>
      </c>
      <c r="L11" s="174" t="s">
        <v>12</v>
      </c>
      <c r="M11" s="137" t="s">
        <v>23</v>
      </c>
      <c r="N11" s="138"/>
      <c r="O11" s="138"/>
      <c r="P11" s="139"/>
      <c r="Q11" s="168" t="s">
        <v>91</v>
      </c>
      <c r="R11" s="169"/>
      <c r="S11" s="172"/>
      <c r="T11" s="172"/>
      <c r="U11" s="172"/>
      <c r="V11" s="172"/>
      <c r="W11" s="143" t="s">
        <v>24</v>
      </c>
    </row>
    <row r="12" spans="1:28" ht="18" customHeight="1">
      <c r="B12" s="177"/>
      <c r="C12" s="141"/>
      <c r="D12" s="141"/>
      <c r="E12" s="142"/>
      <c r="F12" s="164"/>
      <c r="G12" s="165"/>
      <c r="H12" s="179"/>
      <c r="I12" s="181"/>
      <c r="J12" s="181"/>
      <c r="K12" s="183"/>
      <c r="L12" s="175"/>
      <c r="M12" s="140"/>
      <c r="N12" s="141"/>
      <c r="O12" s="141"/>
      <c r="P12" s="142"/>
      <c r="Q12" s="170"/>
      <c r="R12" s="171"/>
      <c r="S12" s="173"/>
      <c r="T12" s="173"/>
      <c r="U12" s="173"/>
      <c r="V12" s="173"/>
      <c r="W12" s="144"/>
    </row>
    <row r="13" spans="1:28" ht="92.25" customHeight="1">
      <c r="A13"/>
      <c r="B13" s="184" t="s">
        <v>47</v>
      </c>
      <c r="C13" s="185"/>
      <c r="D13" s="185"/>
      <c r="E13" s="186"/>
      <c r="F13" s="187"/>
      <c r="G13" s="188"/>
      <c r="H13" s="188"/>
      <c r="I13" s="188"/>
      <c r="J13" s="188"/>
      <c r="K13" s="188"/>
      <c r="L13" s="188"/>
      <c r="M13" s="188"/>
      <c r="N13" s="188"/>
      <c r="O13" s="188"/>
      <c r="P13" s="188"/>
      <c r="Q13" s="188"/>
      <c r="R13" s="188"/>
      <c r="S13" s="188"/>
      <c r="T13" s="188"/>
      <c r="U13" s="188"/>
      <c r="V13" s="188"/>
      <c r="W13" s="189"/>
    </row>
    <row r="14" spans="1:28" ht="18" customHeight="1">
      <c r="B14" s="157" t="s">
        <v>26</v>
      </c>
      <c r="C14" s="158"/>
      <c r="D14" s="158"/>
      <c r="E14" s="159"/>
      <c r="F14" s="151"/>
      <c r="G14" s="151"/>
      <c r="H14" s="151"/>
      <c r="I14" s="151"/>
      <c r="J14" s="151"/>
      <c r="K14" s="151"/>
      <c r="L14" s="151"/>
      <c r="M14" s="151"/>
      <c r="N14" s="151"/>
      <c r="O14" s="151"/>
      <c r="P14" s="151"/>
      <c r="Q14" s="151"/>
      <c r="R14" s="151"/>
      <c r="S14" s="151"/>
      <c r="T14" s="151"/>
      <c r="U14" s="151"/>
      <c r="V14" s="151"/>
      <c r="W14" s="152"/>
    </row>
    <row r="15" spans="1:28" ht="18" customHeight="1">
      <c r="B15" s="96"/>
      <c r="C15" s="91"/>
      <c r="D15" s="91"/>
      <c r="E15" s="92"/>
      <c r="F15" s="153"/>
      <c r="G15" s="153"/>
      <c r="H15" s="153"/>
      <c r="I15" s="153"/>
      <c r="J15" s="153"/>
      <c r="K15" s="153"/>
      <c r="L15" s="153"/>
      <c r="M15" s="153"/>
      <c r="N15" s="153"/>
      <c r="O15" s="153"/>
      <c r="P15" s="153"/>
      <c r="Q15" s="153"/>
      <c r="R15" s="153"/>
      <c r="S15" s="153"/>
      <c r="T15" s="153"/>
      <c r="U15" s="153"/>
      <c r="V15" s="153"/>
      <c r="W15" s="154"/>
    </row>
    <row r="16" spans="1:28" ht="18" customHeight="1">
      <c r="B16" s="96"/>
      <c r="C16" s="91"/>
      <c r="D16" s="91"/>
      <c r="E16" s="92"/>
      <c r="F16" s="153"/>
      <c r="G16" s="153"/>
      <c r="H16" s="153"/>
      <c r="I16" s="153"/>
      <c r="J16" s="153"/>
      <c r="K16" s="153"/>
      <c r="L16" s="153"/>
      <c r="M16" s="153"/>
      <c r="N16" s="153"/>
      <c r="O16" s="153"/>
      <c r="P16" s="153"/>
      <c r="Q16" s="153"/>
      <c r="R16" s="153"/>
      <c r="S16" s="153"/>
      <c r="T16" s="153"/>
      <c r="U16" s="153"/>
      <c r="V16" s="153"/>
      <c r="W16" s="154"/>
    </row>
    <row r="17" spans="2:23" ht="18" customHeight="1">
      <c r="B17" s="96"/>
      <c r="C17" s="91"/>
      <c r="D17" s="91"/>
      <c r="E17" s="92"/>
      <c r="F17" s="153"/>
      <c r="G17" s="153"/>
      <c r="H17" s="153"/>
      <c r="I17" s="153"/>
      <c r="J17" s="153"/>
      <c r="K17" s="153"/>
      <c r="L17" s="153"/>
      <c r="M17" s="153"/>
      <c r="N17" s="153"/>
      <c r="O17" s="153"/>
      <c r="P17" s="153"/>
      <c r="Q17" s="153"/>
      <c r="R17" s="153"/>
      <c r="S17" s="153"/>
      <c r="T17" s="153"/>
      <c r="U17" s="153"/>
      <c r="V17" s="153"/>
      <c r="W17" s="154"/>
    </row>
    <row r="18" spans="2:23" ht="18" customHeight="1">
      <c r="B18" s="96"/>
      <c r="C18" s="91"/>
      <c r="D18" s="91"/>
      <c r="E18" s="92"/>
      <c r="F18" s="153"/>
      <c r="G18" s="153"/>
      <c r="H18" s="153"/>
      <c r="I18" s="153"/>
      <c r="J18" s="153"/>
      <c r="K18" s="153"/>
      <c r="L18" s="153"/>
      <c r="M18" s="153"/>
      <c r="N18" s="153"/>
      <c r="O18" s="153"/>
      <c r="P18" s="153"/>
      <c r="Q18" s="153"/>
      <c r="R18" s="153"/>
      <c r="S18" s="153"/>
      <c r="T18" s="153"/>
      <c r="U18" s="153"/>
      <c r="V18" s="153"/>
      <c r="W18" s="154"/>
    </row>
    <row r="19" spans="2:23" ht="18" customHeight="1">
      <c r="B19" s="96"/>
      <c r="C19" s="91"/>
      <c r="D19" s="91"/>
      <c r="E19" s="92"/>
      <c r="F19" s="153"/>
      <c r="G19" s="153"/>
      <c r="H19" s="153"/>
      <c r="I19" s="153"/>
      <c r="J19" s="153"/>
      <c r="K19" s="153"/>
      <c r="L19" s="153"/>
      <c r="M19" s="153"/>
      <c r="N19" s="153"/>
      <c r="O19" s="153"/>
      <c r="P19" s="153"/>
      <c r="Q19" s="153"/>
      <c r="R19" s="153"/>
      <c r="S19" s="153"/>
      <c r="T19" s="153"/>
      <c r="U19" s="153"/>
      <c r="V19" s="153"/>
      <c r="W19" s="154"/>
    </row>
    <row r="20" spans="2:23" ht="18" customHeight="1">
      <c r="B20" s="96"/>
      <c r="C20" s="91"/>
      <c r="D20" s="91"/>
      <c r="E20" s="92"/>
      <c r="F20" s="153"/>
      <c r="G20" s="153"/>
      <c r="H20" s="153"/>
      <c r="I20" s="153"/>
      <c r="J20" s="153"/>
      <c r="K20" s="153"/>
      <c r="L20" s="153"/>
      <c r="M20" s="153"/>
      <c r="N20" s="153"/>
      <c r="O20" s="153"/>
      <c r="P20" s="153"/>
      <c r="Q20" s="153"/>
      <c r="R20" s="153"/>
      <c r="S20" s="153"/>
      <c r="T20" s="153"/>
      <c r="U20" s="153"/>
      <c r="V20" s="153"/>
      <c r="W20" s="154"/>
    </row>
    <row r="21" spans="2:23" ht="18" customHeight="1">
      <c r="B21" s="96"/>
      <c r="C21" s="91"/>
      <c r="D21" s="91"/>
      <c r="E21" s="92"/>
      <c r="F21" s="153"/>
      <c r="G21" s="153"/>
      <c r="H21" s="153"/>
      <c r="I21" s="153"/>
      <c r="J21" s="153"/>
      <c r="K21" s="153"/>
      <c r="L21" s="153"/>
      <c r="M21" s="153"/>
      <c r="N21" s="153"/>
      <c r="O21" s="153"/>
      <c r="P21" s="153"/>
      <c r="Q21" s="153"/>
      <c r="R21" s="153"/>
      <c r="S21" s="153"/>
      <c r="T21" s="153"/>
      <c r="U21" s="153"/>
      <c r="V21" s="153"/>
      <c r="W21" s="154"/>
    </row>
    <row r="22" spans="2:23" ht="18" customHeight="1">
      <c r="B22" s="96"/>
      <c r="C22" s="91"/>
      <c r="D22" s="91"/>
      <c r="E22" s="92"/>
      <c r="F22" s="153"/>
      <c r="G22" s="153"/>
      <c r="H22" s="153"/>
      <c r="I22" s="153"/>
      <c r="J22" s="153"/>
      <c r="K22" s="153"/>
      <c r="L22" s="153"/>
      <c r="M22" s="153"/>
      <c r="N22" s="153"/>
      <c r="O22" s="153"/>
      <c r="P22" s="153"/>
      <c r="Q22" s="153"/>
      <c r="R22" s="153"/>
      <c r="S22" s="153"/>
      <c r="T22" s="153"/>
      <c r="U22" s="153"/>
      <c r="V22" s="153"/>
      <c r="W22" s="154"/>
    </row>
    <row r="23" spans="2:23" ht="18" customHeight="1">
      <c r="B23" s="96"/>
      <c r="C23" s="91"/>
      <c r="D23" s="91"/>
      <c r="E23" s="92"/>
      <c r="F23" s="153"/>
      <c r="G23" s="153"/>
      <c r="H23" s="153"/>
      <c r="I23" s="153"/>
      <c r="J23" s="153"/>
      <c r="K23" s="153"/>
      <c r="L23" s="153"/>
      <c r="M23" s="153"/>
      <c r="N23" s="153"/>
      <c r="O23" s="153"/>
      <c r="P23" s="153"/>
      <c r="Q23" s="153"/>
      <c r="R23" s="153"/>
      <c r="S23" s="153"/>
      <c r="T23" s="153"/>
      <c r="U23" s="153"/>
      <c r="V23" s="153"/>
      <c r="W23" s="154"/>
    </row>
    <row r="24" spans="2:23" ht="18" customHeight="1">
      <c r="B24" s="96"/>
      <c r="C24" s="91"/>
      <c r="D24" s="91"/>
      <c r="E24" s="92"/>
      <c r="F24" s="153"/>
      <c r="G24" s="153"/>
      <c r="H24" s="153"/>
      <c r="I24" s="153"/>
      <c r="J24" s="153"/>
      <c r="K24" s="153"/>
      <c r="L24" s="153"/>
      <c r="M24" s="153"/>
      <c r="N24" s="153"/>
      <c r="O24" s="153"/>
      <c r="P24" s="153"/>
      <c r="Q24" s="153"/>
      <c r="R24" s="153"/>
      <c r="S24" s="153"/>
      <c r="T24" s="153"/>
      <c r="U24" s="153"/>
      <c r="V24" s="153"/>
      <c r="W24" s="154"/>
    </row>
    <row r="25" spans="2:23" ht="18" customHeight="1">
      <c r="B25" s="96"/>
      <c r="C25" s="91"/>
      <c r="D25" s="91"/>
      <c r="E25" s="92"/>
      <c r="F25" s="153"/>
      <c r="G25" s="153"/>
      <c r="H25" s="153"/>
      <c r="I25" s="153"/>
      <c r="J25" s="153"/>
      <c r="K25" s="153"/>
      <c r="L25" s="153"/>
      <c r="M25" s="153"/>
      <c r="N25" s="153"/>
      <c r="O25" s="153"/>
      <c r="P25" s="153"/>
      <c r="Q25" s="153"/>
      <c r="R25" s="153"/>
      <c r="S25" s="153"/>
      <c r="T25" s="153"/>
      <c r="U25" s="153"/>
      <c r="V25" s="153"/>
      <c r="W25" s="154"/>
    </row>
    <row r="26" spans="2:23" ht="18" customHeight="1">
      <c r="B26" s="96"/>
      <c r="C26" s="91"/>
      <c r="D26" s="91"/>
      <c r="E26" s="92"/>
      <c r="F26" s="153"/>
      <c r="G26" s="153"/>
      <c r="H26" s="153"/>
      <c r="I26" s="153"/>
      <c r="J26" s="153"/>
      <c r="K26" s="153"/>
      <c r="L26" s="153"/>
      <c r="M26" s="153"/>
      <c r="N26" s="153"/>
      <c r="O26" s="153"/>
      <c r="P26" s="153"/>
      <c r="Q26" s="153"/>
      <c r="R26" s="153"/>
      <c r="S26" s="153"/>
      <c r="T26" s="153"/>
      <c r="U26" s="153"/>
      <c r="V26" s="153"/>
      <c r="W26" s="154"/>
    </row>
    <row r="27" spans="2:23" ht="18" customHeight="1">
      <c r="B27" s="96"/>
      <c r="C27" s="91"/>
      <c r="D27" s="91"/>
      <c r="E27" s="92"/>
      <c r="F27" s="153"/>
      <c r="G27" s="153"/>
      <c r="H27" s="153"/>
      <c r="I27" s="153"/>
      <c r="J27" s="153"/>
      <c r="K27" s="153"/>
      <c r="L27" s="153"/>
      <c r="M27" s="153"/>
      <c r="N27" s="153"/>
      <c r="O27" s="153"/>
      <c r="P27" s="153"/>
      <c r="Q27" s="153"/>
      <c r="R27" s="153"/>
      <c r="S27" s="153"/>
      <c r="T27" s="153"/>
      <c r="U27" s="153"/>
      <c r="V27" s="153"/>
      <c r="W27" s="154"/>
    </row>
    <row r="28" spans="2:23" ht="18" customHeight="1">
      <c r="B28" s="160"/>
      <c r="C28" s="94"/>
      <c r="D28" s="94"/>
      <c r="E28" s="95"/>
      <c r="F28" s="155"/>
      <c r="G28" s="155"/>
      <c r="H28" s="155"/>
      <c r="I28" s="155"/>
      <c r="J28" s="155"/>
      <c r="K28" s="155"/>
      <c r="L28" s="155"/>
      <c r="M28" s="155"/>
      <c r="N28" s="155"/>
      <c r="O28" s="155"/>
      <c r="P28" s="155"/>
      <c r="Q28" s="155"/>
      <c r="R28" s="155"/>
      <c r="S28" s="155"/>
      <c r="T28" s="155"/>
      <c r="U28" s="155"/>
      <c r="V28" s="155"/>
      <c r="W28" s="156"/>
    </row>
    <row r="29" spans="2:23" ht="18" customHeight="1">
      <c r="B29" s="96" t="s">
        <v>1</v>
      </c>
      <c r="C29" s="91"/>
      <c r="D29" s="91"/>
      <c r="E29" s="92"/>
      <c r="F29" s="199" t="s">
        <v>16</v>
      </c>
      <c r="G29" s="199"/>
      <c r="H29" s="199"/>
      <c r="I29" s="199"/>
      <c r="J29" s="199"/>
      <c r="K29" s="199" t="s">
        <v>42</v>
      </c>
      <c r="L29" s="199"/>
      <c r="M29" s="199"/>
      <c r="N29" s="199"/>
      <c r="O29" s="199"/>
      <c r="P29" s="199"/>
      <c r="Q29" s="199"/>
      <c r="R29" s="199"/>
      <c r="S29" s="199"/>
      <c r="T29" s="199"/>
      <c r="U29" s="199"/>
      <c r="V29" s="199"/>
      <c r="W29" s="200"/>
    </row>
    <row r="30" spans="2:23">
      <c r="B30" s="96"/>
      <c r="C30" s="91"/>
      <c r="D30" s="91"/>
      <c r="E30" s="92"/>
      <c r="F30" s="145" t="s">
        <v>40</v>
      </c>
      <c r="G30" s="146"/>
      <c r="H30" s="146"/>
      <c r="I30" s="146"/>
      <c r="J30" s="147"/>
      <c r="K30" s="148"/>
      <c r="L30" s="149"/>
      <c r="M30" s="149"/>
      <c r="N30" s="149"/>
      <c r="O30" s="149"/>
      <c r="P30" s="149"/>
      <c r="Q30" s="149"/>
      <c r="R30" s="149"/>
      <c r="S30" s="149"/>
      <c r="T30" s="149"/>
      <c r="U30" s="149"/>
      <c r="V30" s="149"/>
      <c r="W30" s="150"/>
    </row>
    <row r="31" spans="2:23">
      <c r="B31" s="96"/>
      <c r="C31" s="91"/>
      <c r="D31" s="91"/>
      <c r="E31" s="92"/>
      <c r="F31" s="145" t="s">
        <v>40</v>
      </c>
      <c r="G31" s="146"/>
      <c r="H31" s="146"/>
      <c r="I31" s="146"/>
      <c r="J31" s="147"/>
      <c r="K31" s="148"/>
      <c r="L31" s="149"/>
      <c r="M31" s="149"/>
      <c r="N31" s="149"/>
      <c r="O31" s="149"/>
      <c r="P31" s="149"/>
      <c r="Q31" s="149"/>
      <c r="R31" s="149"/>
      <c r="S31" s="149"/>
      <c r="T31" s="149"/>
      <c r="U31" s="149"/>
      <c r="V31" s="149"/>
      <c r="W31" s="150"/>
    </row>
    <row r="32" spans="2:23">
      <c r="B32" s="96"/>
      <c r="C32" s="91"/>
      <c r="D32" s="91"/>
      <c r="E32" s="92"/>
      <c r="F32" s="145" t="s">
        <v>40</v>
      </c>
      <c r="G32" s="146"/>
      <c r="H32" s="146"/>
      <c r="I32" s="146"/>
      <c r="J32" s="147"/>
      <c r="K32" s="148"/>
      <c r="L32" s="149"/>
      <c r="M32" s="149"/>
      <c r="N32" s="149"/>
      <c r="O32" s="149"/>
      <c r="P32" s="149"/>
      <c r="Q32" s="149"/>
      <c r="R32" s="149"/>
      <c r="S32" s="149"/>
      <c r="T32" s="149"/>
      <c r="U32" s="149"/>
      <c r="V32" s="149"/>
      <c r="W32" s="150"/>
    </row>
    <row r="33" spans="1:24">
      <c r="B33" s="96"/>
      <c r="C33" s="91"/>
      <c r="D33" s="91"/>
      <c r="E33" s="92"/>
      <c r="F33" s="145" t="s">
        <v>40</v>
      </c>
      <c r="G33" s="146"/>
      <c r="H33" s="146"/>
      <c r="I33" s="146"/>
      <c r="J33" s="147"/>
      <c r="K33" s="148"/>
      <c r="L33" s="149"/>
      <c r="M33" s="149"/>
      <c r="N33" s="149"/>
      <c r="O33" s="149"/>
      <c r="P33" s="149"/>
      <c r="Q33" s="149"/>
      <c r="R33" s="149"/>
      <c r="S33" s="149"/>
      <c r="T33" s="149"/>
      <c r="U33" s="149"/>
      <c r="V33" s="149"/>
      <c r="W33" s="150"/>
    </row>
    <row r="34" spans="1:24">
      <c r="B34" s="160"/>
      <c r="C34" s="94"/>
      <c r="D34" s="94"/>
      <c r="E34" s="95"/>
      <c r="F34" s="190" t="s">
        <v>41</v>
      </c>
      <c r="G34" s="191"/>
      <c r="H34" s="191"/>
      <c r="I34" s="191"/>
      <c r="J34" s="192"/>
      <c r="K34" s="193"/>
      <c r="L34" s="194"/>
      <c r="M34" s="194"/>
      <c r="N34" s="194"/>
      <c r="O34" s="194"/>
      <c r="P34" s="194"/>
      <c r="Q34" s="194"/>
      <c r="R34" s="194"/>
      <c r="S34" s="194"/>
      <c r="T34" s="194"/>
      <c r="U34" s="194"/>
      <c r="V34" s="194"/>
      <c r="W34" s="195"/>
    </row>
    <row r="35" spans="1:24" ht="84" customHeight="1" thickBot="1">
      <c r="A35"/>
      <c r="B35" s="196" t="s">
        <v>43</v>
      </c>
      <c r="C35" s="197"/>
      <c r="D35" s="197"/>
      <c r="E35" s="197"/>
      <c r="F35" s="201"/>
      <c r="G35" s="202"/>
      <c r="H35" s="202"/>
      <c r="I35" s="202"/>
      <c r="J35" s="202"/>
      <c r="K35" s="202"/>
      <c r="L35" s="202"/>
      <c r="M35" s="202"/>
      <c r="N35" s="202"/>
      <c r="O35" s="202"/>
      <c r="P35" s="202"/>
      <c r="Q35" s="202"/>
      <c r="R35" s="202"/>
      <c r="S35" s="202"/>
      <c r="T35" s="202"/>
      <c r="U35" s="202"/>
      <c r="V35" s="202"/>
      <c r="W35" s="203"/>
    </row>
    <row r="36" spans="1:24" ht="18" customHeight="1">
      <c r="B36" s="20" t="s">
        <v>2</v>
      </c>
      <c r="C36" s="19"/>
      <c r="D36" s="19"/>
      <c r="E36" s="19"/>
      <c r="F36" s="19"/>
      <c r="G36" s="19"/>
      <c r="H36" s="19"/>
      <c r="I36" s="19"/>
      <c r="J36" s="19"/>
      <c r="K36" s="19"/>
      <c r="L36" s="19"/>
      <c r="M36" s="19"/>
      <c r="N36" s="19"/>
      <c r="O36" s="19"/>
    </row>
    <row r="37" spans="1:24" ht="15.45" customHeight="1">
      <c r="A37"/>
      <c r="B37" s="20"/>
      <c r="C37" s="19"/>
      <c r="D37" s="19"/>
      <c r="E37" s="19"/>
      <c r="F37" s="19"/>
      <c r="G37" s="19"/>
      <c r="H37" s="19"/>
      <c r="I37" s="19"/>
      <c r="J37" s="19"/>
      <c r="K37" s="19"/>
      <c r="L37" s="19"/>
      <c r="M37" s="19"/>
      <c r="N37" s="19"/>
      <c r="O37" s="19"/>
    </row>
    <row r="38" spans="1:24" ht="15.45" customHeight="1">
      <c r="A38"/>
      <c r="B38" s="2" t="s">
        <v>53</v>
      </c>
      <c r="C38" s="2"/>
      <c r="D38" s="2"/>
      <c r="E38" s="2"/>
      <c r="F38" s="2"/>
      <c r="G38" s="2"/>
      <c r="H38" s="2"/>
      <c r="I38" s="2"/>
      <c r="J38" s="2"/>
      <c r="K38" s="19"/>
      <c r="L38" s="19"/>
      <c r="M38" s="19"/>
      <c r="N38" s="19"/>
      <c r="O38" s="19"/>
    </row>
    <row r="39" spans="1:24" ht="24.75" customHeight="1" thickBot="1">
      <c r="A39"/>
      <c r="B39" s="135" t="s">
        <v>44</v>
      </c>
      <c r="C39" s="135"/>
      <c r="D39" s="135"/>
      <c r="E39" s="135"/>
      <c r="F39" s="135"/>
      <c r="G39" s="28"/>
      <c r="H39" s="19"/>
      <c r="I39" s="19"/>
      <c r="J39" s="19"/>
      <c r="K39" s="19"/>
      <c r="L39" s="19"/>
      <c r="M39" s="19"/>
      <c r="N39" s="19"/>
      <c r="O39" s="19"/>
    </row>
    <row r="40" spans="1:24" ht="13.5" customHeight="1">
      <c r="A40" s="29"/>
      <c r="B40" s="41"/>
      <c r="C40" s="42"/>
      <c r="D40" s="42"/>
      <c r="E40" s="43"/>
      <c r="F40" s="136"/>
      <c r="G40" s="136"/>
      <c r="H40" s="136"/>
      <c r="I40" s="136"/>
      <c r="J40" s="136"/>
      <c r="K40" s="136"/>
      <c r="L40" s="136"/>
      <c r="M40" s="136"/>
      <c r="N40" s="136"/>
      <c r="O40" s="136"/>
      <c r="P40" s="136"/>
      <c r="Q40" s="136"/>
      <c r="R40" s="136"/>
      <c r="S40" s="136"/>
      <c r="T40" s="136"/>
      <c r="U40" s="136"/>
      <c r="V40" s="136"/>
      <c r="W40" s="136"/>
      <c r="X40" s="30"/>
    </row>
    <row r="41" spans="1:24">
      <c r="A41" s="26"/>
      <c r="B41" s="205" t="s">
        <v>3</v>
      </c>
      <c r="C41" s="206"/>
      <c r="D41" s="206"/>
      <c r="E41" s="207"/>
      <c r="F41" s="208"/>
      <c r="G41" s="208"/>
      <c r="H41" s="208"/>
      <c r="I41" s="208"/>
      <c r="J41" s="208"/>
      <c r="K41" s="208"/>
      <c r="L41" s="208"/>
      <c r="M41" s="209" t="s">
        <v>4</v>
      </c>
      <c r="N41" s="158"/>
      <c r="O41" s="158"/>
      <c r="P41" s="159"/>
      <c r="Q41" s="50"/>
      <c r="R41" s="37"/>
      <c r="S41" s="37"/>
      <c r="T41" s="51"/>
      <c r="U41" s="51"/>
      <c r="V41" s="51"/>
      <c r="W41" s="52"/>
      <c r="X41" s="1"/>
    </row>
    <row r="42" spans="1:24">
      <c r="A42" s="26"/>
      <c r="B42" s="90" t="s">
        <v>54</v>
      </c>
      <c r="C42" s="91"/>
      <c r="D42" s="91"/>
      <c r="E42" s="92"/>
      <c r="F42" s="97"/>
      <c r="G42" s="97"/>
      <c r="H42" s="97"/>
      <c r="I42" s="97"/>
      <c r="J42" s="97"/>
      <c r="K42" s="97"/>
      <c r="L42" s="97"/>
      <c r="M42" s="90"/>
      <c r="N42" s="91"/>
      <c r="O42" s="91"/>
      <c r="P42" s="92"/>
      <c r="Q42" s="7"/>
      <c r="R42" s="198" t="s">
        <v>100</v>
      </c>
      <c r="S42" s="198"/>
      <c r="T42" s="198"/>
      <c r="U42" s="198"/>
      <c r="V42" s="198"/>
      <c r="W42" s="53" t="s">
        <v>7</v>
      </c>
      <c r="X42" s="1"/>
    </row>
    <row r="43" spans="1:24">
      <c r="A43" s="26"/>
      <c r="B43" s="90"/>
      <c r="C43" s="91"/>
      <c r="D43" s="91"/>
      <c r="E43" s="92"/>
      <c r="F43" s="98"/>
      <c r="G43" s="98"/>
      <c r="H43" s="98"/>
      <c r="I43" s="98"/>
      <c r="J43" s="98"/>
      <c r="K43" s="98"/>
      <c r="L43" s="98"/>
      <c r="M43" s="90"/>
      <c r="N43" s="91"/>
      <c r="O43" s="91"/>
      <c r="P43" s="92"/>
      <c r="Q43" s="9"/>
      <c r="R43" s="24" t="s">
        <v>55</v>
      </c>
      <c r="S43" s="112" t="str">
        <f>IF(ISERROR(DATEDIF(R42,Q2,"Y")),"",DATEDIF(R42,Q2,"Y"))</f>
        <v/>
      </c>
      <c r="T43" s="112"/>
      <c r="U43" s="25" t="s">
        <v>8</v>
      </c>
      <c r="V43" s="25" t="s">
        <v>56</v>
      </c>
      <c r="W43" s="54"/>
      <c r="X43" s="1"/>
    </row>
    <row r="44" spans="1:24">
      <c r="A44" s="26"/>
      <c r="B44" s="210" t="s">
        <v>10</v>
      </c>
      <c r="C44" s="81"/>
      <c r="D44" s="81"/>
      <c r="E44" s="82"/>
      <c r="F44" s="11"/>
      <c r="G44" s="22" t="s">
        <v>57</v>
      </c>
      <c r="H44" s="211"/>
      <c r="I44" s="211"/>
      <c r="J44" s="211"/>
      <c r="K44" s="22" t="s">
        <v>58</v>
      </c>
      <c r="L44" s="12"/>
      <c r="M44" s="93"/>
      <c r="N44" s="94"/>
      <c r="O44" s="94"/>
      <c r="P44" s="95"/>
      <c r="Q44" s="13"/>
      <c r="R44" s="14"/>
      <c r="S44" s="113"/>
      <c r="T44" s="113"/>
      <c r="U44" s="15"/>
      <c r="V44" s="15"/>
      <c r="W44" s="55"/>
      <c r="X44" s="1"/>
    </row>
    <row r="45" spans="1:24" ht="18" customHeight="1">
      <c r="A45" s="26"/>
      <c r="B45" s="47"/>
      <c r="C45" s="48"/>
      <c r="D45" s="48"/>
      <c r="E45" s="49"/>
      <c r="F45" s="212"/>
      <c r="G45" s="212"/>
      <c r="H45" s="212"/>
      <c r="I45" s="212"/>
      <c r="J45" s="212"/>
      <c r="K45" s="212"/>
      <c r="L45" s="212"/>
      <c r="M45" s="212"/>
      <c r="N45" s="212"/>
      <c r="O45" s="212"/>
      <c r="P45" s="212"/>
      <c r="Q45" s="212"/>
      <c r="R45" s="212"/>
      <c r="S45" s="212"/>
      <c r="T45" s="212"/>
      <c r="U45" s="212"/>
      <c r="V45" s="212"/>
      <c r="W45" s="212"/>
      <c r="X45" s="1"/>
    </row>
    <row r="46" spans="1:24" ht="24.75" customHeight="1">
      <c r="A46" s="26"/>
      <c r="B46" s="56" t="s">
        <v>45</v>
      </c>
      <c r="C46" s="57"/>
      <c r="D46" s="57"/>
      <c r="E46" s="58"/>
      <c r="F46" s="213" t="s">
        <v>100</v>
      </c>
      <c r="G46" s="213"/>
      <c r="H46" s="213"/>
      <c r="I46" s="213"/>
      <c r="J46" s="213"/>
      <c r="K46" s="59"/>
      <c r="L46" s="214"/>
      <c r="M46" s="214"/>
      <c r="N46" s="214"/>
      <c r="O46" s="214"/>
      <c r="P46" s="214"/>
      <c r="Q46" s="214"/>
      <c r="R46" s="214"/>
      <c r="S46" s="214"/>
      <c r="T46" s="214"/>
      <c r="U46" s="214"/>
      <c r="V46" s="215" t="s">
        <v>59</v>
      </c>
      <c r="W46" s="215"/>
      <c r="X46" s="1"/>
    </row>
    <row r="47" spans="1:24" ht="11.25" customHeight="1">
      <c r="A47" s="26"/>
      <c r="B47" s="31"/>
      <c r="C47" s="31"/>
      <c r="D47" s="31"/>
      <c r="E47" s="31"/>
      <c r="F47" s="31"/>
      <c r="G47" s="31"/>
      <c r="H47" s="32"/>
      <c r="I47" s="32"/>
      <c r="J47" s="32"/>
      <c r="K47" s="32"/>
      <c r="L47" s="32"/>
      <c r="M47" s="32"/>
      <c r="N47" s="32"/>
      <c r="O47" s="32"/>
      <c r="P47" s="23"/>
      <c r="Q47" s="23"/>
      <c r="R47" s="23"/>
      <c r="S47" s="23"/>
      <c r="T47" s="23"/>
      <c r="U47" s="23"/>
      <c r="V47" s="23"/>
      <c r="W47" s="23"/>
      <c r="X47" s="1"/>
    </row>
    <row r="48" spans="1:24" ht="24.75" customHeight="1">
      <c r="A48" s="26"/>
      <c r="B48" s="33" t="s">
        <v>46</v>
      </c>
      <c r="C48" s="31"/>
      <c r="D48" s="31"/>
      <c r="E48" s="31"/>
      <c r="F48" s="31"/>
      <c r="G48" s="31"/>
      <c r="H48" s="32"/>
      <c r="I48" s="32"/>
      <c r="J48" s="32"/>
      <c r="K48" s="32"/>
      <c r="L48" s="32"/>
      <c r="M48" s="32"/>
      <c r="N48" s="32"/>
      <c r="O48" s="32"/>
      <c r="P48" s="23"/>
      <c r="Q48" s="23"/>
      <c r="R48" s="23"/>
      <c r="S48" s="23"/>
      <c r="T48" s="23"/>
      <c r="U48" s="23"/>
      <c r="V48" s="23"/>
      <c r="W48" s="23"/>
      <c r="X48" s="1"/>
    </row>
    <row r="49" spans="1:25" ht="14.25" customHeight="1">
      <c r="A49" s="26"/>
      <c r="B49" s="120" t="s">
        <v>51</v>
      </c>
      <c r="C49" s="121"/>
      <c r="D49" s="121"/>
      <c r="E49" s="122"/>
      <c r="F49" s="120" t="s">
        <v>17</v>
      </c>
      <c r="G49" s="121"/>
      <c r="H49" s="121"/>
      <c r="I49" s="122"/>
      <c r="J49" s="115"/>
      <c r="K49" s="115"/>
      <c r="L49" s="115"/>
      <c r="M49" s="115"/>
      <c r="N49" s="115"/>
      <c r="O49" s="115"/>
      <c r="P49" s="115"/>
      <c r="Q49" s="115"/>
      <c r="R49" s="115"/>
      <c r="S49" s="115"/>
      <c r="T49" s="115"/>
      <c r="U49" s="115"/>
      <c r="V49" s="115"/>
      <c r="W49" s="129"/>
      <c r="X49" s="1"/>
      <c r="Y49" s="23"/>
    </row>
    <row r="50" spans="1:25" ht="14.25" customHeight="1">
      <c r="A50" s="26"/>
      <c r="B50" s="123"/>
      <c r="C50" s="124"/>
      <c r="D50" s="124"/>
      <c r="E50" s="125"/>
      <c r="F50" s="126"/>
      <c r="G50" s="127"/>
      <c r="H50" s="127"/>
      <c r="I50" s="128"/>
      <c r="J50" s="118"/>
      <c r="K50" s="118"/>
      <c r="L50" s="118"/>
      <c r="M50" s="118"/>
      <c r="N50" s="118"/>
      <c r="O50" s="118"/>
      <c r="P50" s="118"/>
      <c r="Q50" s="118"/>
      <c r="R50" s="118"/>
      <c r="S50" s="118"/>
      <c r="T50" s="118"/>
      <c r="U50" s="118"/>
      <c r="V50" s="118"/>
      <c r="W50" s="130"/>
      <c r="X50" s="1"/>
      <c r="Y50" s="23"/>
    </row>
    <row r="51" spans="1:25" ht="14.25" customHeight="1">
      <c r="A51" s="26"/>
      <c r="B51" s="123"/>
      <c r="C51" s="124"/>
      <c r="D51" s="124"/>
      <c r="E51" s="125"/>
      <c r="F51" s="120" t="s">
        <v>33</v>
      </c>
      <c r="G51" s="121"/>
      <c r="H51" s="121"/>
      <c r="I51" s="122"/>
      <c r="J51" s="115"/>
      <c r="K51" s="115"/>
      <c r="L51" s="115"/>
      <c r="M51" s="115"/>
      <c r="N51" s="115"/>
      <c r="O51" s="115"/>
      <c r="P51" s="115"/>
      <c r="Q51" s="115"/>
      <c r="R51" s="115"/>
      <c r="S51" s="115"/>
      <c r="T51" s="115"/>
      <c r="U51" s="115"/>
      <c r="V51" s="115"/>
      <c r="W51" s="129"/>
      <c r="X51" s="1"/>
      <c r="Y51" s="23"/>
    </row>
    <row r="52" spans="1:25" ht="14.25" customHeight="1">
      <c r="A52" s="26"/>
      <c r="B52" s="123"/>
      <c r="C52" s="124"/>
      <c r="D52" s="124"/>
      <c r="E52" s="125"/>
      <c r="F52" s="126"/>
      <c r="G52" s="127"/>
      <c r="H52" s="127"/>
      <c r="I52" s="128"/>
      <c r="J52" s="118"/>
      <c r="K52" s="118"/>
      <c r="L52" s="118"/>
      <c r="M52" s="118"/>
      <c r="N52" s="118"/>
      <c r="O52" s="118"/>
      <c r="P52" s="118"/>
      <c r="Q52" s="118"/>
      <c r="R52" s="118"/>
      <c r="S52" s="118"/>
      <c r="T52" s="118"/>
      <c r="U52" s="118"/>
      <c r="V52" s="118"/>
      <c r="W52" s="130"/>
      <c r="X52" s="1"/>
      <c r="Y52" s="23"/>
    </row>
    <row r="53" spans="1:25" ht="14.25" customHeight="1">
      <c r="A53" s="26"/>
      <c r="B53" s="123"/>
      <c r="C53" s="124"/>
      <c r="D53" s="124"/>
      <c r="E53" s="125"/>
      <c r="F53" s="120" t="s">
        <v>18</v>
      </c>
      <c r="G53" s="121"/>
      <c r="H53" s="121"/>
      <c r="I53" s="122"/>
      <c r="J53" s="161"/>
      <c r="K53" s="162"/>
      <c r="L53" s="162"/>
      <c r="M53" s="162"/>
      <c r="N53" s="162"/>
      <c r="O53" s="162"/>
      <c r="P53" s="163"/>
      <c r="Q53" s="134" t="s">
        <v>39</v>
      </c>
      <c r="R53" s="134"/>
      <c r="S53" s="161"/>
      <c r="T53" s="162"/>
      <c r="U53" s="162"/>
      <c r="V53" s="162"/>
      <c r="W53" s="163"/>
      <c r="X53" s="1"/>
      <c r="Y53" s="23"/>
    </row>
    <row r="54" spans="1:25" ht="14.25" customHeight="1">
      <c r="A54" s="26"/>
      <c r="B54" s="123"/>
      <c r="C54" s="124"/>
      <c r="D54" s="124"/>
      <c r="E54" s="125"/>
      <c r="F54" s="126"/>
      <c r="G54" s="127"/>
      <c r="H54" s="127"/>
      <c r="I54" s="128"/>
      <c r="J54" s="164"/>
      <c r="K54" s="165"/>
      <c r="L54" s="165"/>
      <c r="M54" s="165"/>
      <c r="N54" s="165"/>
      <c r="O54" s="165"/>
      <c r="P54" s="166"/>
      <c r="Q54" s="134"/>
      <c r="R54" s="134"/>
      <c r="S54" s="164"/>
      <c r="T54" s="165"/>
      <c r="U54" s="165"/>
      <c r="V54" s="165"/>
      <c r="W54" s="166"/>
      <c r="X54" s="1"/>
      <c r="Y54" s="23"/>
    </row>
    <row r="55" spans="1:25" ht="18.75" customHeight="1">
      <c r="A55" s="26"/>
      <c r="B55" s="123"/>
      <c r="C55" s="124"/>
      <c r="D55" s="124"/>
      <c r="E55" s="125"/>
      <c r="F55" s="120" t="s">
        <v>21</v>
      </c>
      <c r="G55" s="121"/>
      <c r="H55" s="121"/>
      <c r="I55" s="122"/>
      <c r="J55" s="131" t="s">
        <v>34</v>
      </c>
      <c r="K55" s="132"/>
      <c r="L55" s="132"/>
      <c r="M55" s="132"/>
      <c r="N55" s="132"/>
      <c r="O55" s="17" t="s">
        <v>35</v>
      </c>
      <c r="P55" s="133" t="s">
        <v>49</v>
      </c>
      <c r="Q55" s="133"/>
      <c r="R55" s="133"/>
      <c r="S55" s="133"/>
      <c r="T55" s="133"/>
      <c r="V55" s="23"/>
      <c r="W55" s="38"/>
      <c r="X55" s="1"/>
      <c r="Y55" s="23"/>
    </row>
    <row r="56" spans="1:25" ht="18.75" customHeight="1">
      <c r="A56" s="26"/>
      <c r="B56" s="126"/>
      <c r="C56" s="127"/>
      <c r="D56" s="127"/>
      <c r="E56" s="128"/>
      <c r="F56" s="126"/>
      <c r="G56" s="127"/>
      <c r="H56" s="127"/>
      <c r="I56" s="128"/>
      <c r="J56" s="18"/>
      <c r="K56" s="18"/>
      <c r="L56" s="18"/>
      <c r="M56" s="18"/>
      <c r="N56" s="18"/>
      <c r="O56" s="18"/>
      <c r="P56" s="27"/>
      <c r="Q56" s="27" t="s">
        <v>36</v>
      </c>
      <c r="R56" s="27" t="str">
        <f>IF(ISERROR(DATEDIF(J55,P55+1,"Y")),"",DATEDIF(J55,P55+1,"Y"))</f>
        <v/>
      </c>
      <c r="S56" s="27" t="s">
        <v>6</v>
      </c>
      <c r="T56" s="27" t="str">
        <f>IF(ISERROR(DATEDIF(J55,P55+1,"YM")),"",DATEDIF(J55,P55+1,"YM"))</f>
        <v/>
      </c>
      <c r="U56" s="27" t="s">
        <v>37</v>
      </c>
      <c r="V56" s="27" t="s">
        <v>12</v>
      </c>
      <c r="W56" s="39" t="s">
        <v>38</v>
      </c>
      <c r="X56" s="1"/>
      <c r="Y56" s="23"/>
    </row>
    <row r="57" spans="1:25" ht="18" customHeight="1">
      <c r="A57" s="26"/>
      <c r="B57" s="167" t="s">
        <v>19</v>
      </c>
      <c r="C57" s="167"/>
      <c r="D57" s="121" t="s">
        <v>13</v>
      </c>
      <c r="E57" s="122"/>
      <c r="F57" s="120" t="s">
        <v>20</v>
      </c>
      <c r="G57" s="121"/>
      <c r="H57" s="121"/>
      <c r="I57" s="122"/>
      <c r="J57" s="114"/>
      <c r="K57" s="115"/>
      <c r="L57" s="115"/>
      <c r="M57" s="115"/>
      <c r="N57" s="115"/>
      <c r="O57" s="115"/>
      <c r="P57" s="129"/>
      <c r="Q57" s="134" t="s">
        <v>39</v>
      </c>
      <c r="R57" s="134"/>
      <c r="S57" s="161"/>
      <c r="T57" s="162"/>
      <c r="U57" s="162"/>
      <c r="V57" s="162"/>
      <c r="W57" s="163"/>
      <c r="X57" s="1"/>
    </row>
    <row r="58" spans="1:25" ht="18" customHeight="1">
      <c r="A58" s="26"/>
      <c r="B58" s="167"/>
      <c r="C58" s="167"/>
      <c r="D58" s="124"/>
      <c r="E58" s="125"/>
      <c r="F58" s="126"/>
      <c r="G58" s="127"/>
      <c r="H58" s="127"/>
      <c r="I58" s="128"/>
      <c r="J58" s="117"/>
      <c r="K58" s="118"/>
      <c r="L58" s="118"/>
      <c r="M58" s="118"/>
      <c r="N58" s="118"/>
      <c r="O58" s="118"/>
      <c r="P58" s="130"/>
      <c r="Q58" s="134"/>
      <c r="R58" s="134"/>
      <c r="S58" s="164"/>
      <c r="T58" s="165"/>
      <c r="U58" s="165"/>
      <c r="V58" s="165"/>
      <c r="W58" s="166"/>
      <c r="X58" s="1"/>
    </row>
    <row r="59" spans="1:25" ht="18" customHeight="1">
      <c r="A59" s="26"/>
      <c r="B59" s="167"/>
      <c r="C59" s="167"/>
      <c r="D59" s="124"/>
      <c r="E59" s="125"/>
      <c r="F59" s="123" t="s">
        <v>21</v>
      </c>
      <c r="G59" s="124"/>
      <c r="H59" s="124"/>
      <c r="I59" s="125"/>
      <c r="J59" s="131" t="s">
        <v>34</v>
      </c>
      <c r="K59" s="132"/>
      <c r="L59" s="132"/>
      <c r="M59" s="132"/>
      <c r="N59" s="132"/>
      <c r="O59" s="17" t="s">
        <v>35</v>
      </c>
      <c r="P59" s="133" t="s">
        <v>49</v>
      </c>
      <c r="Q59" s="133"/>
      <c r="R59" s="133"/>
      <c r="S59" s="133"/>
      <c r="T59" s="133"/>
      <c r="V59" s="23"/>
      <c r="W59" s="38"/>
      <c r="X59" s="1"/>
    </row>
    <row r="60" spans="1:25" ht="18" customHeight="1">
      <c r="A60" s="26"/>
      <c r="B60" s="167"/>
      <c r="C60" s="167"/>
      <c r="D60" s="127"/>
      <c r="E60" s="128"/>
      <c r="F60" s="126"/>
      <c r="G60" s="127"/>
      <c r="H60" s="127"/>
      <c r="I60" s="128"/>
      <c r="J60" s="18"/>
      <c r="K60" s="18"/>
      <c r="L60" s="18"/>
      <c r="M60" s="18"/>
      <c r="N60" s="18"/>
      <c r="O60" s="18"/>
      <c r="P60" s="27"/>
      <c r="Q60" s="27" t="s">
        <v>36</v>
      </c>
      <c r="R60" s="27" t="str">
        <f>IF(ISERROR(DATEDIF(J59,P59+1,"Y")),"",DATEDIF(J59,P59+1,"Y"))</f>
        <v/>
      </c>
      <c r="S60" s="27" t="s">
        <v>6</v>
      </c>
      <c r="T60" s="27" t="str">
        <f>IF(ISERROR(DATEDIF(J59,P59+1,"YM")),"",DATEDIF(J59,P59+1,"YM"))</f>
        <v/>
      </c>
      <c r="U60" s="27" t="s">
        <v>37</v>
      </c>
      <c r="V60" s="27" t="s">
        <v>12</v>
      </c>
      <c r="W60" s="39" t="s">
        <v>38</v>
      </c>
      <c r="X60" s="1"/>
    </row>
    <row r="61" spans="1:25" ht="18" customHeight="1">
      <c r="A61" s="26"/>
      <c r="B61" s="167"/>
      <c r="C61" s="167"/>
      <c r="D61" s="121" t="s">
        <v>14</v>
      </c>
      <c r="E61" s="122"/>
      <c r="F61" s="120" t="s">
        <v>20</v>
      </c>
      <c r="G61" s="121"/>
      <c r="H61" s="121"/>
      <c r="I61" s="122"/>
      <c r="J61" s="114"/>
      <c r="K61" s="115"/>
      <c r="L61" s="115"/>
      <c r="M61" s="115"/>
      <c r="N61" s="115"/>
      <c r="O61" s="115"/>
      <c r="P61" s="129"/>
      <c r="Q61" s="134" t="s">
        <v>39</v>
      </c>
      <c r="R61" s="134"/>
      <c r="S61" s="161"/>
      <c r="T61" s="162"/>
      <c r="U61" s="162"/>
      <c r="V61" s="162"/>
      <c r="W61" s="163"/>
      <c r="X61" s="1"/>
    </row>
    <row r="62" spans="1:25" ht="18" customHeight="1">
      <c r="A62" s="26"/>
      <c r="B62" s="167"/>
      <c r="C62" s="167"/>
      <c r="D62" s="124"/>
      <c r="E62" s="125"/>
      <c r="F62" s="126"/>
      <c r="G62" s="127"/>
      <c r="H62" s="127"/>
      <c r="I62" s="128"/>
      <c r="J62" s="117"/>
      <c r="K62" s="118"/>
      <c r="L62" s="118"/>
      <c r="M62" s="118"/>
      <c r="N62" s="118"/>
      <c r="O62" s="118"/>
      <c r="P62" s="130"/>
      <c r="Q62" s="134"/>
      <c r="R62" s="134"/>
      <c r="S62" s="164"/>
      <c r="T62" s="165"/>
      <c r="U62" s="165"/>
      <c r="V62" s="165"/>
      <c r="W62" s="166"/>
      <c r="X62" s="1"/>
    </row>
    <row r="63" spans="1:25" ht="18" customHeight="1">
      <c r="A63" s="26"/>
      <c r="B63" s="167"/>
      <c r="C63" s="167"/>
      <c r="D63" s="124"/>
      <c r="E63" s="125"/>
      <c r="F63" s="123" t="s">
        <v>21</v>
      </c>
      <c r="G63" s="124"/>
      <c r="H63" s="124"/>
      <c r="I63" s="125"/>
      <c r="J63" s="131" t="s">
        <v>34</v>
      </c>
      <c r="K63" s="132"/>
      <c r="L63" s="132"/>
      <c r="M63" s="132"/>
      <c r="N63" s="132"/>
      <c r="O63" s="17" t="s">
        <v>35</v>
      </c>
      <c r="P63" s="133" t="s">
        <v>49</v>
      </c>
      <c r="Q63" s="133"/>
      <c r="R63" s="133"/>
      <c r="S63" s="133"/>
      <c r="T63" s="133"/>
      <c r="V63" s="40"/>
      <c r="W63" s="38"/>
      <c r="X63" s="1"/>
    </row>
    <row r="64" spans="1:25" ht="18" customHeight="1">
      <c r="A64" s="26"/>
      <c r="B64" s="167"/>
      <c r="C64" s="167"/>
      <c r="D64" s="127"/>
      <c r="E64" s="128"/>
      <c r="F64" s="126"/>
      <c r="G64" s="127"/>
      <c r="H64" s="127"/>
      <c r="I64" s="128"/>
      <c r="J64" s="18"/>
      <c r="K64" s="18"/>
      <c r="L64" s="18"/>
      <c r="M64" s="18"/>
      <c r="N64" s="18"/>
      <c r="O64" s="18"/>
      <c r="P64" s="27"/>
      <c r="Q64" s="27" t="s">
        <v>36</v>
      </c>
      <c r="R64" s="27" t="str">
        <f>IF(ISERROR(DATEDIF(J63,P63+1,"Y")),"",DATEDIF(J63,P63+1,"Y"))</f>
        <v/>
      </c>
      <c r="S64" s="27" t="s">
        <v>6</v>
      </c>
      <c r="T64" s="27" t="str">
        <f>IF(ISERROR(DATEDIF(J63,P63+1,"YM")),"",DATEDIF(J63,P63+1,"YM"))</f>
        <v/>
      </c>
      <c r="U64" s="27" t="s">
        <v>37</v>
      </c>
      <c r="V64" s="27" t="s">
        <v>12</v>
      </c>
      <c r="W64" s="39" t="s">
        <v>38</v>
      </c>
      <c r="X64" s="1"/>
    </row>
    <row r="65" spans="1:24" ht="18" customHeight="1">
      <c r="A65" s="26"/>
      <c r="B65" s="167"/>
      <c r="C65" s="167"/>
      <c r="D65" s="121" t="s">
        <v>15</v>
      </c>
      <c r="E65" s="122"/>
      <c r="F65" s="120" t="s">
        <v>20</v>
      </c>
      <c r="G65" s="121"/>
      <c r="H65" s="121"/>
      <c r="I65" s="122"/>
      <c r="J65" s="114"/>
      <c r="K65" s="115"/>
      <c r="L65" s="115"/>
      <c r="M65" s="115"/>
      <c r="N65" s="115"/>
      <c r="O65" s="115"/>
      <c r="P65" s="129"/>
      <c r="Q65" s="134" t="s">
        <v>39</v>
      </c>
      <c r="R65" s="134"/>
      <c r="S65" s="161"/>
      <c r="T65" s="162"/>
      <c r="U65" s="162"/>
      <c r="V65" s="162"/>
      <c r="W65" s="163"/>
      <c r="X65" s="1"/>
    </row>
    <row r="66" spans="1:24" ht="18" customHeight="1">
      <c r="A66" s="26"/>
      <c r="B66" s="167"/>
      <c r="C66" s="167"/>
      <c r="D66" s="124"/>
      <c r="E66" s="125"/>
      <c r="F66" s="126"/>
      <c r="G66" s="127"/>
      <c r="H66" s="127"/>
      <c r="I66" s="128"/>
      <c r="J66" s="117"/>
      <c r="K66" s="118"/>
      <c r="L66" s="118"/>
      <c r="M66" s="118"/>
      <c r="N66" s="118"/>
      <c r="O66" s="118"/>
      <c r="P66" s="130"/>
      <c r="Q66" s="134"/>
      <c r="R66" s="134"/>
      <c r="S66" s="164"/>
      <c r="T66" s="165"/>
      <c r="U66" s="165"/>
      <c r="V66" s="165"/>
      <c r="W66" s="166"/>
      <c r="X66" s="1"/>
    </row>
    <row r="67" spans="1:24" ht="18" customHeight="1">
      <c r="A67" s="26"/>
      <c r="B67" s="167"/>
      <c r="C67" s="167"/>
      <c r="D67" s="124"/>
      <c r="E67" s="125"/>
      <c r="F67" s="123" t="s">
        <v>21</v>
      </c>
      <c r="G67" s="124"/>
      <c r="H67" s="124"/>
      <c r="I67" s="125"/>
      <c r="J67" s="131" t="s">
        <v>34</v>
      </c>
      <c r="K67" s="132"/>
      <c r="L67" s="132"/>
      <c r="M67" s="132"/>
      <c r="N67" s="132"/>
      <c r="O67" s="17" t="s">
        <v>35</v>
      </c>
      <c r="P67" s="133" t="s">
        <v>49</v>
      </c>
      <c r="Q67" s="133"/>
      <c r="R67" s="133"/>
      <c r="S67" s="133"/>
      <c r="T67" s="133"/>
      <c r="V67" s="40"/>
      <c r="W67" s="38"/>
      <c r="X67" s="1"/>
    </row>
    <row r="68" spans="1:24" ht="18" customHeight="1">
      <c r="A68" s="26"/>
      <c r="B68" s="167"/>
      <c r="C68" s="167"/>
      <c r="D68" s="127"/>
      <c r="E68" s="128"/>
      <c r="F68" s="126"/>
      <c r="G68" s="127"/>
      <c r="H68" s="127"/>
      <c r="I68" s="128"/>
      <c r="J68" s="18"/>
      <c r="K68" s="18"/>
      <c r="L68" s="18"/>
      <c r="M68" s="18"/>
      <c r="N68" s="18"/>
      <c r="O68" s="18"/>
      <c r="P68" s="27"/>
      <c r="Q68" s="27" t="s">
        <v>36</v>
      </c>
      <c r="R68" s="27" t="str">
        <f>IF(ISERROR(DATEDIF(J67,P67+1,"Y")),"",DATEDIF(J67,P67+1,"Y"))</f>
        <v/>
      </c>
      <c r="S68" s="27" t="s">
        <v>6</v>
      </c>
      <c r="T68" s="27" t="str">
        <f>IF(ISERROR(DATEDIF(J67,P67+1,"YM")),"",DATEDIF(J67,P67+1,"YM"))</f>
        <v/>
      </c>
      <c r="U68" s="27" t="s">
        <v>37</v>
      </c>
      <c r="V68" s="27" t="s">
        <v>12</v>
      </c>
      <c r="W68" s="39" t="s">
        <v>38</v>
      </c>
      <c r="X68" s="1"/>
    </row>
    <row r="69" spans="1:24" ht="18" customHeight="1">
      <c r="A69" s="26"/>
      <c r="B69" s="167"/>
      <c r="C69" s="167"/>
      <c r="D69" s="121" t="s">
        <v>48</v>
      </c>
      <c r="E69" s="122"/>
      <c r="F69" s="120" t="s">
        <v>20</v>
      </c>
      <c r="G69" s="121"/>
      <c r="H69" s="121"/>
      <c r="I69" s="122"/>
      <c r="J69" s="114"/>
      <c r="K69" s="115"/>
      <c r="L69" s="115"/>
      <c r="M69" s="115"/>
      <c r="N69" s="115"/>
      <c r="O69" s="115"/>
      <c r="P69" s="129"/>
      <c r="Q69" s="134" t="s">
        <v>39</v>
      </c>
      <c r="R69" s="134"/>
      <c r="S69" s="161"/>
      <c r="T69" s="162"/>
      <c r="U69" s="162"/>
      <c r="V69" s="162"/>
      <c r="W69" s="163"/>
      <c r="X69" s="1"/>
    </row>
    <row r="70" spans="1:24" ht="18" customHeight="1">
      <c r="A70" s="26"/>
      <c r="B70" s="167"/>
      <c r="C70" s="167"/>
      <c r="D70" s="124"/>
      <c r="E70" s="125"/>
      <c r="F70" s="126"/>
      <c r="G70" s="127"/>
      <c r="H70" s="127"/>
      <c r="I70" s="128"/>
      <c r="J70" s="117"/>
      <c r="K70" s="118"/>
      <c r="L70" s="118"/>
      <c r="M70" s="118"/>
      <c r="N70" s="118"/>
      <c r="O70" s="118"/>
      <c r="P70" s="130"/>
      <c r="Q70" s="134"/>
      <c r="R70" s="134"/>
      <c r="S70" s="164"/>
      <c r="T70" s="165"/>
      <c r="U70" s="165"/>
      <c r="V70" s="165"/>
      <c r="W70" s="166"/>
      <c r="X70" s="1"/>
    </row>
    <row r="71" spans="1:24" ht="18" customHeight="1">
      <c r="A71" s="26"/>
      <c r="B71" s="167"/>
      <c r="C71" s="167"/>
      <c r="D71" s="124"/>
      <c r="E71" s="125"/>
      <c r="F71" s="123" t="s">
        <v>21</v>
      </c>
      <c r="G71" s="124"/>
      <c r="H71" s="124"/>
      <c r="I71" s="125"/>
      <c r="J71" s="131" t="s">
        <v>34</v>
      </c>
      <c r="K71" s="132"/>
      <c r="L71" s="132"/>
      <c r="M71" s="132"/>
      <c r="N71" s="132"/>
      <c r="O71" s="17" t="s">
        <v>35</v>
      </c>
      <c r="P71" s="133" t="s">
        <v>49</v>
      </c>
      <c r="Q71" s="133"/>
      <c r="R71" s="133"/>
      <c r="S71" s="133"/>
      <c r="T71" s="133"/>
      <c r="V71" s="40"/>
      <c r="W71" s="38"/>
      <c r="X71" s="1"/>
    </row>
    <row r="72" spans="1:24" ht="18" customHeight="1">
      <c r="A72" s="26"/>
      <c r="B72" s="167"/>
      <c r="C72" s="167"/>
      <c r="D72" s="127"/>
      <c r="E72" s="128"/>
      <c r="F72" s="126"/>
      <c r="G72" s="127"/>
      <c r="H72" s="127"/>
      <c r="I72" s="128"/>
      <c r="J72" s="18"/>
      <c r="K72" s="18"/>
      <c r="L72" s="18"/>
      <c r="M72" s="18"/>
      <c r="N72" s="18"/>
      <c r="O72" s="18"/>
      <c r="P72" s="27"/>
      <c r="Q72" s="27" t="s">
        <v>30</v>
      </c>
      <c r="R72" s="27" t="str">
        <f>IF(ISERROR(DATEDIF(J71,P71+1,"Y")),"",DATEDIF(J71,P71+1,"Y"))</f>
        <v/>
      </c>
      <c r="S72" s="27" t="s">
        <v>6</v>
      </c>
      <c r="T72" s="27" t="str">
        <f>IF(ISERROR(DATEDIF(J71,P71+1,"YM")),"",DATEDIF(J71,P71+1,"YM"))</f>
        <v/>
      </c>
      <c r="U72" s="27" t="s">
        <v>11</v>
      </c>
      <c r="V72" s="27" t="s">
        <v>12</v>
      </c>
      <c r="W72" s="39" t="s">
        <v>9</v>
      </c>
      <c r="X72" s="1"/>
    </row>
    <row r="73" spans="1:24">
      <c r="A73" s="26"/>
      <c r="B73" s="23"/>
      <c r="C73" s="23"/>
      <c r="D73" s="23"/>
      <c r="E73" s="23"/>
      <c r="F73" s="23"/>
      <c r="G73" s="23"/>
      <c r="H73" s="23"/>
      <c r="I73" s="23"/>
      <c r="J73" s="23"/>
      <c r="K73" s="23"/>
      <c r="L73" s="23"/>
      <c r="M73" s="23"/>
      <c r="N73" s="23"/>
      <c r="O73" s="23"/>
      <c r="P73" s="23"/>
      <c r="Q73" s="23"/>
      <c r="R73" s="23"/>
      <c r="S73" s="23"/>
      <c r="T73" s="23"/>
      <c r="U73" s="23"/>
      <c r="V73" s="23"/>
      <c r="W73" s="23"/>
      <c r="X73" s="1"/>
    </row>
    <row r="74" spans="1:24" ht="16.2">
      <c r="A74" s="26"/>
      <c r="B74" s="33" t="s">
        <v>50</v>
      </c>
      <c r="C74" s="34"/>
      <c r="D74" s="34"/>
      <c r="E74" s="31"/>
      <c r="F74" s="204"/>
      <c r="G74" s="204"/>
      <c r="H74" s="204"/>
      <c r="I74" s="204"/>
      <c r="J74" s="204"/>
      <c r="K74" s="204"/>
      <c r="L74" s="204"/>
      <c r="M74" s="204"/>
      <c r="N74" s="204"/>
      <c r="O74" s="204"/>
      <c r="P74" s="204"/>
      <c r="Q74" s="204"/>
      <c r="R74" s="204"/>
      <c r="S74" s="204"/>
      <c r="T74" s="204"/>
      <c r="U74" s="204"/>
      <c r="V74" s="35"/>
      <c r="W74" s="35"/>
      <c r="X74" s="1"/>
    </row>
    <row r="75" spans="1:24">
      <c r="A75" s="26"/>
      <c r="B75" s="23"/>
      <c r="C75" s="23"/>
      <c r="D75" s="23"/>
      <c r="E75" s="23"/>
      <c r="F75" s="23"/>
      <c r="G75" s="23"/>
      <c r="H75" s="23"/>
      <c r="I75" s="23"/>
      <c r="J75" s="23"/>
      <c r="K75" s="23"/>
      <c r="L75" s="23"/>
      <c r="M75" s="23"/>
      <c r="N75" s="23"/>
      <c r="O75" s="23"/>
      <c r="P75" s="23"/>
      <c r="Q75" s="23"/>
      <c r="R75" s="23"/>
      <c r="S75" s="23"/>
      <c r="T75" s="23"/>
      <c r="U75" s="23"/>
      <c r="V75" s="23"/>
      <c r="W75" s="23"/>
      <c r="X75" s="1"/>
    </row>
    <row r="76" spans="1:24">
      <c r="A76" s="26"/>
      <c r="B76" s="23"/>
      <c r="C76" s="23"/>
      <c r="D76" s="23"/>
      <c r="E76" s="23"/>
      <c r="F76" s="23"/>
      <c r="G76" s="23"/>
      <c r="H76" s="23"/>
      <c r="I76" s="23"/>
      <c r="J76" s="23"/>
      <c r="K76" s="23"/>
      <c r="L76" s="23"/>
      <c r="M76" s="23"/>
      <c r="N76" s="23"/>
      <c r="O76" s="23"/>
      <c r="P76" s="23"/>
      <c r="Q76" s="23"/>
      <c r="R76" s="23"/>
      <c r="S76" s="23"/>
      <c r="T76" s="23"/>
      <c r="U76" s="23"/>
      <c r="V76" s="23"/>
      <c r="W76" s="23"/>
      <c r="X76" s="1"/>
    </row>
    <row r="77" spans="1:24">
      <c r="A77" s="26"/>
      <c r="B77" s="23"/>
      <c r="C77" s="23"/>
      <c r="D77" s="23"/>
      <c r="E77" s="23"/>
      <c r="F77" s="23"/>
      <c r="G77" s="23"/>
      <c r="H77" s="23"/>
      <c r="I77" s="23"/>
      <c r="J77" s="23"/>
      <c r="K77" s="23"/>
      <c r="L77" s="23"/>
      <c r="M77" s="23"/>
      <c r="N77" s="23"/>
      <c r="O77" s="23"/>
      <c r="P77" s="23"/>
      <c r="Q77" s="23"/>
      <c r="R77" s="23"/>
      <c r="S77" s="23"/>
      <c r="T77" s="23"/>
      <c r="U77" s="23"/>
      <c r="V77" s="23"/>
      <c r="W77" s="23"/>
      <c r="X77" s="1"/>
    </row>
    <row r="78" spans="1:24">
      <c r="A78" s="26"/>
      <c r="B78" s="23"/>
      <c r="C78" s="23"/>
      <c r="D78" s="23"/>
      <c r="E78" s="23"/>
      <c r="F78" s="23"/>
      <c r="G78" s="23"/>
      <c r="H78" s="23"/>
      <c r="I78" s="23"/>
      <c r="J78" s="23"/>
      <c r="K78" s="23"/>
      <c r="L78" s="23"/>
      <c r="M78" s="23"/>
      <c r="N78" s="23"/>
      <c r="O78" s="23"/>
      <c r="P78" s="23"/>
      <c r="Q78" s="23"/>
      <c r="R78" s="23"/>
      <c r="S78" s="23"/>
      <c r="T78" s="23"/>
      <c r="U78" s="23"/>
      <c r="V78" s="23"/>
      <c r="W78" s="23"/>
      <c r="X78" s="1"/>
    </row>
    <row r="79" spans="1:24">
      <c r="A79" s="26"/>
      <c r="B79" s="23"/>
      <c r="C79" s="23"/>
      <c r="D79" s="23"/>
      <c r="E79" s="23"/>
      <c r="F79" s="23"/>
      <c r="G79" s="23"/>
      <c r="H79" s="23"/>
      <c r="I79" s="23"/>
      <c r="J79" s="23"/>
      <c r="K79" s="23"/>
      <c r="L79" s="23"/>
      <c r="M79" s="23"/>
      <c r="N79" s="23"/>
      <c r="O79" s="23"/>
      <c r="P79" s="23"/>
      <c r="Q79" s="23"/>
      <c r="R79" s="23"/>
      <c r="S79" s="23"/>
      <c r="T79" s="23"/>
      <c r="U79" s="23"/>
      <c r="V79" s="23"/>
      <c r="W79" s="23"/>
      <c r="X79" s="1"/>
    </row>
    <row r="80" spans="1:24">
      <c r="A80" s="26"/>
      <c r="B80" s="23"/>
      <c r="C80" s="23"/>
      <c r="D80" s="23"/>
      <c r="E80" s="23"/>
      <c r="F80" s="23"/>
      <c r="G80" s="23"/>
      <c r="H80" s="23"/>
      <c r="I80" s="23"/>
      <c r="J80" s="23"/>
      <c r="K80" s="23"/>
      <c r="L80" s="23"/>
      <c r="M80" s="23"/>
      <c r="N80" s="23"/>
      <c r="O80" s="23"/>
      <c r="P80" s="23"/>
      <c r="Q80" s="23"/>
      <c r="R80" s="23"/>
      <c r="S80" s="23"/>
      <c r="T80" s="23"/>
      <c r="U80" s="23"/>
      <c r="V80" s="23"/>
      <c r="W80" s="23"/>
      <c r="X80" s="1"/>
    </row>
    <row r="81" spans="1:24">
      <c r="A81" s="26"/>
      <c r="B81" s="23"/>
      <c r="C81" s="23"/>
      <c r="D81" s="23"/>
      <c r="E81" s="23"/>
      <c r="F81" s="23"/>
      <c r="G81" s="23"/>
      <c r="H81" s="23"/>
      <c r="I81" s="23"/>
      <c r="J81" s="23"/>
      <c r="K81" s="23"/>
      <c r="L81" s="23"/>
      <c r="M81" s="23"/>
      <c r="N81" s="23"/>
      <c r="O81" s="23"/>
      <c r="P81" s="23"/>
      <c r="Q81" s="23"/>
      <c r="R81" s="23"/>
      <c r="S81" s="23"/>
      <c r="T81" s="23"/>
      <c r="U81" s="23"/>
      <c r="V81" s="23"/>
      <c r="W81" s="23"/>
      <c r="X81" s="1"/>
    </row>
    <row r="82" spans="1:24">
      <c r="A82" s="26"/>
      <c r="B82" s="23"/>
      <c r="C82" s="23"/>
      <c r="D82" s="23"/>
      <c r="E82" s="23"/>
      <c r="F82" s="23"/>
      <c r="G82" s="23"/>
      <c r="H82" s="23"/>
      <c r="I82" s="23"/>
      <c r="J82" s="23"/>
      <c r="K82" s="23"/>
      <c r="L82" s="23"/>
      <c r="M82" s="23"/>
      <c r="N82" s="23"/>
      <c r="O82" s="23"/>
      <c r="P82" s="23"/>
      <c r="Q82" s="23"/>
      <c r="R82" s="23"/>
      <c r="S82" s="23"/>
      <c r="T82" s="23"/>
      <c r="U82" s="23"/>
      <c r="V82" s="23"/>
      <c r="W82" s="23"/>
      <c r="X82" s="1"/>
    </row>
    <row r="83" spans="1:24" ht="15" thickBot="1">
      <c r="A83" s="44"/>
      <c r="B83" s="45"/>
      <c r="C83" s="45"/>
      <c r="D83" s="45"/>
      <c r="E83" s="45"/>
      <c r="F83" s="45"/>
      <c r="G83" s="45"/>
      <c r="H83" s="45"/>
      <c r="I83" s="45"/>
      <c r="J83" s="45"/>
      <c r="K83" s="45"/>
      <c r="L83" s="45"/>
      <c r="M83" s="45"/>
      <c r="N83" s="45"/>
      <c r="O83" s="45"/>
      <c r="P83" s="45"/>
      <c r="Q83" s="45"/>
      <c r="R83" s="45"/>
      <c r="S83" s="45"/>
      <c r="T83" s="45"/>
      <c r="U83" s="45"/>
      <c r="V83" s="45"/>
      <c r="W83" s="45"/>
      <c r="X83" s="46"/>
    </row>
  </sheetData>
  <mergeCells count="110">
    <mergeCell ref="F74:U74"/>
    <mergeCell ref="B41:E41"/>
    <mergeCell ref="F41:L41"/>
    <mergeCell ref="M41:P44"/>
    <mergeCell ref="B42:E43"/>
    <mergeCell ref="F42:L43"/>
    <mergeCell ref="B44:E44"/>
    <mergeCell ref="H44:J44"/>
    <mergeCell ref="J69:P70"/>
    <mergeCell ref="Q69:R70"/>
    <mergeCell ref="S53:W54"/>
    <mergeCell ref="F45:W45"/>
    <mergeCell ref="F46:J46"/>
    <mergeCell ref="L46:U46"/>
    <mergeCell ref="V46:W46"/>
    <mergeCell ref="J61:P62"/>
    <mergeCell ref="Q61:R62"/>
    <mergeCell ref="J65:P66"/>
    <mergeCell ref="Q65:R66"/>
    <mergeCell ref="S61:W62"/>
    <mergeCell ref="J59:N59"/>
    <mergeCell ref="F63:I64"/>
    <mergeCell ref="D57:E60"/>
    <mergeCell ref="D69:E72"/>
    <mergeCell ref="D65:E68"/>
    <mergeCell ref="F65:I66"/>
    <mergeCell ref="S65:W66"/>
    <mergeCell ref="F67:I68"/>
    <mergeCell ref="B29:E34"/>
    <mergeCell ref="F34:J34"/>
    <mergeCell ref="K34:W34"/>
    <mergeCell ref="B35:E35"/>
    <mergeCell ref="J67:N67"/>
    <mergeCell ref="F32:J32"/>
    <mergeCell ref="K32:W32"/>
    <mergeCell ref="S57:W58"/>
    <mergeCell ref="R42:V42"/>
    <mergeCell ref="S43:T43"/>
    <mergeCell ref="S44:T44"/>
    <mergeCell ref="P59:T59"/>
    <mergeCell ref="P67:T67"/>
    <mergeCell ref="F57:I58"/>
    <mergeCell ref="F59:I60"/>
    <mergeCell ref="F33:J33"/>
    <mergeCell ref="K33:W33"/>
    <mergeCell ref="F29:J29"/>
    <mergeCell ref="K29:W29"/>
    <mergeCell ref="F35:W35"/>
    <mergeCell ref="F69:I70"/>
    <mergeCell ref="S69:W70"/>
    <mergeCell ref="F71:I72"/>
    <mergeCell ref="J71:N71"/>
    <mergeCell ref="B57:C72"/>
    <mergeCell ref="J53:P54"/>
    <mergeCell ref="J57:P58"/>
    <mergeCell ref="Q57:R58"/>
    <mergeCell ref="Q11:R12"/>
    <mergeCell ref="S11:V12"/>
    <mergeCell ref="L11:L12"/>
    <mergeCell ref="B11:E12"/>
    <mergeCell ref="F11:G12"/>
    <mergeCell ref="H11:H12"/>
    <mergeCell ref="I11:J12"/>
    <mergeCell ref="K11:K12"/>
    <mergeCell ref="B13:E13"/>
    <mergeCell ref="F13:W13"/>
    <mergeCell ref="D61:E64"/>
    <mergeCell ref="F61:I62"/>
    <mergeCell ref="J63:N63"/>
    <mergeCell ref="P71:T71"/>
    <mergeCell ref="K31:W31"/>
    <mergeCell ref="P63:T63"/>
    <mergeCell ref="B39:F39"/>
    <mergeCell ref="F40:W40"/>
    <mergeCell ref="M11:P12"/>
    <mergeCell ref="W11:W12"/>
    <mergeCell ref="F30:J30"/>
    <mergeCell ref="K30:W30"/>
    <mergeCell ref="F31:J31"/>
    <mergeCell ref="F14:W28"/>
    <mergeCell ref="B14:E28"/>
    <mergeCell ref="B49:E56"/>
    <mergeCell ref="F49:I50"/>
    <mergeCell ref="J49:W50"/>
    <mergeCell ref="F51:I52"/>
    <mergeCell ref="J51:W52"/>
    <mergeCell ref="F53:I54"/>
    <mergeCell ref="F55:I56"/>
    <mergeCell ref="J55:N55"/>
    <mergeCell ref="P55:T55"/>
    <mergeCell ref="Q53:R54"/>
    <mergeCell ref="Q2:W2"/>
    <mergeCell ref="R6:V6"/>
    <mergeCell ref="H8:J8"/>
    <mergeCell ref="B9:E10"/>
    <mergeCell ref="B5:E5"/>
    <mergeCell ref="F5:L5"/>
    <mergeCell ref="M5:P8"/>
    <mergeCell ref="B6:E7"/>
    <mergeCell ref="F6:L7"/>
    <mergeCell ref="B3:I3"/>
    <mergeCell ref="J3:L4"/>
    <mergeCell ref="M3:N3"/>
    <mergeCell ref="O3:W3"/>
    <mergeCell ref="M4:N4"/>
    <mergeCell ref="O4:W4"/>
    <mergeCell ref="S7:T7"/>
    <mergeCell ref="B8:E8"/>
    <mergeCell ref="S8:T8"/>
    <mergeCell ref="F9:W10"/>
  </mergeCells>
  <phoneticPr fontId="9"/>
  <dataValidations count="5">
    <dataValidation type="list" allowBlank="1" showInputMessage="1" showErrorMessage="1" sqref="H8:J8 H44:J44">
      <formula1>"男,女"</formula1>
    </dataValidation>
    <dataValidation imeMode="off" allowBlank="1" showInputMessage="1" showErrorMessage="1" sqref="R6:V6 J59:N59 P59:T59 F30:J34 J63:N63 J71:N71 R42:V42 P63:T63 P71:T71 J67:N67 P67:T67 J55:N55 P55:T55 F46:J46"/>
    <dataValidation imeMode="on" allowBlank="1" showInputMessage="1" showErrorMessage="1" sqref="F6:L7 F9:W10 F42:L43"/>
    <dataValidation imeMode="hiragana" allowBlank="1" showInputMessage="1" showErrorMessage="1" sqref="F5:L5 F41:L41"/>
    <dataValidation type="list" allowBlank="1" showInputMessage="1" sqref="Q11:R12">
      <formula1>"月,週"</formula1>
    </dataValidation>
  </dataValidations>
  <pageMargins left="0.70866141732283472" right="0.70866141732283472" top="0.74803149606299213" bottom="0.74803149606299213" header="0.31496062992125984" footer="0.31496062992125984"/>
  <pageSetup paperSize="9" orientation="portrait" blackAndWhite="1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Y83"/>
  <sheetViews>
    <sheetView topLeftCell="A37" zoomScaleNormal="100" workbookViewId="0">
      <selection activeCell="R56" sqref="R56"/>
    </sheetView>
  </sheetViews>
  <sheetFormatPr defaultRowHeight="14.4"/>
  <cols>
    <col min="1" max="1" width="0.8984375" style="23" customWidth="1"/>
    <col min="2" max="23" width="3.59765625" customWidth="1"/>
    <col min="24" max="24" width="1" customWidth="1"/>
    <col min="25" max="26" width="3.59765625" customWidth="1"/>
  </cols>
  <sheetData>
    <row r="1" spans="1:23" ht="18" customHeight="1">
      <c r="B1" s="2" t="s">
        <v>52</v>
      </c>
      <c r="C1" s="2"/>
      <c r="D1" s="2"/>
      <c r="E1" s="2"/>
      <c r="F1" s="2"/>
      <c r="G1" s="2"/>
      <c r="H1" s="2"/>
      <c r="I1" s="2"/>
      <c r="J1" s="2"/>
      <c r="K1" s="2"/>
    </row>
    <row r="2" spans="1:23" ht="15.6" customHeight="1" thickBot="1">
      <c r="B2" s="2"/>
      <c r="C2" s="2"/>
      <c r="D2" s="2"/>
      <c r="E2" s="2"/>
      <c r="F2" s="2"/>
      <c r="G2" s="2"/>
      <c r="H2" s="2"/>
      <c r="I2" s="2"/>
      <c r="J2" s="2"/>
      <c r="K2" s="2"/>
      <c r="R2" s="74">
        <v>45931</v>
      </c>
      <c r="S2" s="74"/>
      <c r="T2" s="74"/>
      <c r="U2" s="74"/>
      <c r="V2" s="74"/>
      <c r="W2" s="74"/>
    </row>
    <row r="3" spans="1:23" ht="37.5" customHeight="1">
      <c r="B3" s="99" t="s">
        <v>103</v>
      </c>
      <c r="C3" s="99"/>
      <c r="D3" s="99"/>
      <c r="E3" s="99"/>
      <c r="F3" s="99"/>
      <c r="G3" s="99"/>
      <c r="H3" s="99"/>
      <c r="I3" s="99"/>
      <c r="J3" s="100" t="s">
        <v>27</v>
      </c>
      <c r="K3" s="101"/>
      <c r="L3" s="101"/>
      <c r="M3" s="104" t="s">
        <v>28</v>
      </c>
      <c r="N3" s="104"/>
      <c r="O3" s="219" t="s">
        <v>86</v>
      </c>
      <c r="P3" s="220"/>
      <c r="Q3" s="220"/>
      <c r="R3" s="220"/>
      <c r="S3" s="220"/>
      <c r="T3" s="220"/>
      <c r="U3" s="220"/>
      <c r="V3" s="220"/>
      <c r="W3" s="221"/>
    </row>
    <row r="4" spans="1:23" ht="37.5" customHeight="1" thickBot="1">
      <c r="B4" s="21"/>
      <c r="C4" s="21"/>
      <c r="D4" s="21"/>
      <c r="E4" s="21"/>
      <c r="F4" s="21"/>
      <c r="G4" s="21"/>
      <c r="H4" s="21"/>
      <c r="I4" s="21"/>
      <c r="J4" s="102"/>
      <c r="K4" s="103"/>
      <c r="L4" s="103"/>
      <c r="M4" s="108" t="s">
        <v>29</v>
      </c>
      <c r="N4" s="108"/>
      <c r="O4" s="222" t="s">
        <v>87</v>
      </c>
      <c r="P4" s="223"/>
      <c r="Q4" s="223"/>
      <c r="R4" s="223"/>
      <c r="S4" s="223"/>
      <c r="T4" s="223"/>
      <c r="U4" s="223"/>
      <c r="V4" s="223"/>
      <c r="W4" s="224"/>
    </row>
    <row r="5" spans="1:23" ht="15.45" customHeight="1">
      <c r="B5" s="83" t="s">
        <v>3</v>
      </c>
      <c r="C5" s="84"/>
      <c r="D5" s="84"/>
      <c r="E5" s="85"/>
      <c r="F5" s="86" t="s">
        <v>88</v>
      </c>
      <c r="G5" s="86"/>
      <c r="H5" s="86"/>
      <c r="I5" s="86"/>
      <c r="J5" s="86"/>
      <c r="K5" s="86"/>
      <c r="L5" s="86"/>
      <c r="M5" s="87" t="s">
        <v>4</v>
      </c>
      <c r="N5" s="88"/>
      <c r="O5" s="88"/>
      <c r="P5" s="89"/>
      <c r="Q5" s="3"/>
      <c r="R5" s="4"/>
      <c r="S5" s="4"/>
      <c r="T5" s="5"/>
      <c r="U5" s="5"/>
      <c r="V5" s="5"/>
      <c r="W5" s="6"/>
    </row>
    <row r="6" spans="1:23" ht="15.45" customHeight="1">
      <c r="B6" s="96" t="s">
        <v>5</v>
      </c>
      <c r="C6" s="91"/>
      <c r="D6" s="91"/>
      <c r="E6" s="92"/>
      <c r="F6" s="97" t="s">
        <v>89</v>
      </c>
      <c r="G6" s="97"/>
      <c r="H6" s="97"/>
      <c r="I6" s="97"/>
      <c r="J6" s="97"/>
      <c r="K6" s="97"/>
      <c r="L6" s="97"/>
      <c r="M6" s="90"/>
      <c r="N6" s="91"/>
      <c r="O6" s="91"/>
      <c r="P6" s="92"/>
      <c r="Q6" s="7"/>
      <c r="R6" s="198">
        <v>14892</v>
      </c>
      <c r="S6" s="198"/>
      <c r="T6" s="198"/>
      <c r="U6" s="198"/>
      <c r="V6" s="198"/>
      <c r="W6" s="8" t="s">
        <v>7</v>
      </c>
    </row>
    <row r="7" spans="1:23" ht="15.45" customHeight="1">
      <c r="B7" s="96"/>
      <c r="C7" s="91"/>
      <c r="D7" s="91"/>
      <c r="E7" s="92"/>
      <c r="F7" s="98"/>
      <c r="G7" s="98"/>
      <c r="H7" s="98"/>
      <c r="I7" s="98"/>
      <c r="J7" s="98"/>
      <c r="K7" s="98"/>
      <c r="L7" s="98"/>
      <c r="M7" s="90"/>
      <c r="N7" s="91"/>
      <c r="O7" s="91"/>
      <c r="P7" s="92"/>
      <c r="Q7" s="9"/>
      <c r="R7" s="24" t="s">
        <v>30</v>
      </c>
      <c r="S7" s="112">
        <f>IF(ISERROR(DATEDIF(R6,R2,"Y")),"",DATEDIF(R6,R2,"Y"))</f>
        <v>84</v>
      </c>
      <c r="T7" s="112"/>
      <c r="U7" s="25" t="s">
        <v>8</v>
      </c>
      <c r="V7" s="25" t="s">
        <v>9</v>
      </c>
      <c r="W7" s="10"/>
    </row>
    <row r="8" spans="1:23" ht="15.45" customHeight="1">
      <c r="B8" s="80" t="s">
        <v>10</v>
      </c>
      <c r="C8" s="81"/>
      <c r="D8" s="81"/>
      <c r="E8" s="82"/>
      <c r="F8" s="11"/>
      <c r="G8" s="22" t="s">
        <v>30</v>
      </c>
      <c r="H8" s="76"/>
      <c r="I8" s="76"/>
      <c r="J8" s="76"/>
      <c r="K8" s="22" t="s">
        <v>31</v>
      </c>
      <c r="L8" s="12"/>
      <c r="M8" s="93"/>
      <c r="N8" s="94"/>
      <c r="O8" s="94"/>
      <c r="P8" s="95"/>
      <c r="Q8" s="13"/>
      <c r="R8" s="14"/>
      <c r="S8" s="113"/>
      <c r="T8" s="113"/>
      <c r="U8" s="15"/>
      <c r="V8" s="15"/>
      <c r="W8" s="16"/>
    </row>
    <row r="9" spans="1:23" ht="15.45" customHeight="1">
      <c r="B9" s="77" t="s">
        <v>32</v>
      </c>
      <c r="C9" s="78"/>
      <c r="D9" s="78"/>
      <c r="E9" s="79"/>
      <c r="F9" s="114" t="s">
        <v>106</v>
      </c>
      <c r="G9" s="115"/>
      <c r="H9" s="115"/>
      <c r="I9" s="115"/>
      <c r="J9" s="115"/>
      <c r="K9" s="115"/>
      <c r="L9" s="115"/>
      <c r="M9" s="115"/>
      <c r="N9" s="115"/>
      <c r="O9" s="115"/>
      <c r="P9" s="115"/>
      <c r="Q9" s="115"/>
      <c r="R9" s="115"/>
      <c r="S9" s="115"/>
      <c r="T9" s="115"/>
      <c r="U9" s="115"/>
      <c r="V9" s="115"/>
      <c r="W9" s="116"/>
    </row>
    <row r="10" spans="1:23" ht="15.45" customHeight="1">
      <c r="B10" s="80"/>
      <c r="C10" s="81"/>
      <c r="D10" s="81"/>
      <c r="E10" s="82"/>
      <c r="F10" s="117"/>
      <c r="G10" s="118"/>
      <c r="H10" s="118"/>
      <c r="I10" s="118"/>
      <c r="J10" s="118"/>
      <c r="K10" s="118"/>
      <c r="L10" s="118"/>
      <c r="M10" s="118"/>
      <c r="N10" s="118"/>
      <c r="O10" s="118"/>
      <c r="P10" s="118"/>
      <c r="Q10" s="118"/>
      <c r="R10" s="118"/>
      <c r="S10" s="118"/>
      <c r="T10" s="118"/>
      <c r="U10" s="118"/>
      <c r="V10" s="118"/>
      <c r="W10" s="119"/>
    </row>
    <row r="11" spans="1:23" ht="18" customHeight="1">
      <c r="B11" s="176" t="s">
        <v>22</v>
      </c>
      <c r="C11" s="138"/>
      <c r="D11" s="138"/>
      <c r="E11" s="139"/>
      <c r="F11" s="161"/>
      <c r="G11" s="162"/>
      <c r="H11" s="178" t="s">
        <v>6</v>
      </c>
      <c r="I11" s="180"/>
      <c r="J11" s="180"/>
      <c r="K11" s="182" t="s">
        <v>11</v>
      </c>
      <c r="L11" s="174" t="s">
        <v>12</v>
      </c>
      <c r="M11" s="137" t="s">
        <v>23</v>
      </c>
      <c r="N11" s="138"/>
      <c r="O11" s="138"/>
      <c r="P11" s="139"/>
      <c r="Q11" s="168" t="s">
        <v>91</v>
      </c>
      <c r="R11" s="169"/>
      <c r="S11" s="172"/>
      <c r="T11" s="172"/>
      <c r="U11" s="172"/>
      <c r="V11" s="172"/>
      <c r="W11" s="143" t="s">
        <v>24</v>
      </c>
    </row>
    <row r="12" spans="1:23" ht="18" customHeight="1">
      <c r="B12" s="177"/>
      <c r="C12" s="141"/>
      <c r="D12" s="141"/>
      <c r="E12" s="142"/>
      <c r="F12" s="164"/>
      <c r="G12" s="165"/>
      <c r="H12" s="179"/>
      <c r="I12" s="181"/>
      <c r="J12" s="181"/>
      <c r="K12" s="183"/>
      <c r="L12" s="175"/>
      <c r="M12" s="140"/>
      <c r="N12" s="141"/>
      <c r="O12" s="141"/>
      <c r="P12" s="142"/>
      <c r="Q12" s="170"/>
      <c r="R12" s="171"/>
      <c r="S12" s="173"/>
      <c r="T12" s="173"/>
      <c r="U12" s="173"/>
      <c r="V12" s="173"/>
      <c r="W12" s="144"/>
    </row>
    <row r="13" spans="1:23" ht="92.25" customHeight="1">
      <c r="A13"/>
      <c r="B13" s="184" t="s">
        <v>47</v>
      </c>
      <c r="C13" s="185"/>
      <c r="D13" s="185"/>
      <c r="E13" s="186"/>
      <c r="F13" s="187" t="s">
        <v>105</v>
      </c>
      <c r="G13" s="188"/>
      <c r="H13" s="188"/>
      <c r="I13" s="188"/>
      <c r="J13" s="188"/>
      <c r="K13" s="188"/>
      <c r="L13" s="188"/>
      <c r="M13" s="188"/>
      <c r="N13" s="188"/>
      <c r="O13" s="188"/>
      <c r="P13" s="188"/>
      <c r="Q13" s="188"/>
      <c r="R13" s="188"/>
      <c r="S13" s="188"/>
      <c r="T13" s="188"/>
      <c r="U13" s="188"/>
      <c r="V13" s="188"/>
      <c r="W13" s="189"/>
    </row>
    <row r="14" spans="1:23" ht="18" customHeight="1">
      <c r="B14" s="157" t="s">
        <v>26</v>
      </c>
      <c r="C14" s="158"/>
      <c r="D14" s="158"/>
      <c r="E14" s="159"/>
      <c r="F14" s="151" t="s">
        <v>105</v>
      </c>
      <c r="G14" s="151"/>
      <c r="H14" s="151"/>
      <c r="I14" s="151"/>
      <c r="J14" s="151"/>
      <c r="K14" s="151"/>
      <c r="L14" s="151"/>
      <c r="M14" s="151"/>
      <c r="N14" s="151"/>
      <c r="O14" s="151"/>
      <c r="P14" s="151"/>
      <c r="Q14" s="151"/>
      <c r="R14" s="151"/>
      <c r="S14" s="151"/>
      <c r="T14" s="151"/>
      <c r="U14" s="151"/>
      <c r="V14" s="151"/>
      <c r="W14" s="152"/>
    </row>
    <row r="15" spans="1:23" ht="18" customHeight="1">
      <c r="B15" s="96"/>
      <c r="C15" s="91"/>
      <c r="D15" s="91"/>
      <c r="E15" s="92"/>
      <c r="F15" s="153"/>
      <c r="G15" s="153"/>
      <c r="H15" s="153"/>
      <c r="I15" s="153"/>
      <c r="J15" s="153"/>
      <c r="K15" s="153"/>
      <c r="L15" s="153"/>
      <c r="M15" s="153"/>
      <c r="N15" s="153"/>
      <c r="O15" s="153"/>
      <c r="P15" s="153"/>
      <c r="Q15" s="153"/>
      <c r="R15" s="153"/>
      <c r="S15" s="153"/>
      <c r="T15" s="153"/>
      <c r="U15" s="153"/>
      <c r="V15" s="153"/>
      <c r="W15" s="154"/>
    </row>
    <row r="16" spans="1:23" ht="18" customHeight="1">
      <c r="B16" s="96"/>
      <c r="C16" s="91"/>
      <c r="D16" s="91"/>
      <c r="E16" s="92"/>
      <c r="F16" s="153"/>
      <c r="G16" s="153"/>
      <c r="H16" s="153"/>
      <c r="I16" s="153"/>
      <c r="J16" s="153"/>
      <c r="K16" s="153"/>
      <c r="L16" s="153"/>
      <c r="M16" s="153"/>
      <c r="N16" s="153"/>
      <c r="O16" s="153"/>
      <c r="P16" s="153"/>
      <c r="Q16" s="153"/>
      <c r="R16" s="153"/>
      <c r="S16" s="153"/>
      <c r="T16" s="153"/>
      <c r="U16" s="153"/>
      <c r="V16" s="153"/>
      <c r="W16" s="154"/>
    </row>
    <row r="17" spans="2:23" ht="18" customHeight="1">
      <c r="B17" s="96"/>
      <c r="C17" s="91"/>
      <c r="D17" s="91"/>
      <c r="E17" s="92"/>
      <c r="F17" s="153"/>
      <c r="G17" s="153"/>
      <c r="H17" s="153"/>
      <c r="I17" s="153"/>
      <c r="J17" s="153"/>
      <c r="K17" s="153"/>
      <c r="L17" s="153"/>
      <c r="M17" s="153"/>
      <c r="N17" s="153"/>
      <c r="O17" s="153"/>
      <c r="P17" s="153"/>
      <c r="Q17" s="153"/>
      <c r="R17" s="153"/>
      <c r="S17" s="153"/>
      <c r="T17" s="153"/>
      <c r="U17" s="153"/>
      <c r="V17" s="153"/>
      <c r="W17" s="154"/>
    </row>
    <row r="18" spans="2:23" ht="18" customHeight="1">
      <c r="B18" s="96"/>
      <c r="C18" s="91"/>
      <c r="D18" s="91"/>
      <c r="E18" s="92"/>
      <c r="F18" s="153"/>
      <c r="G18" s="153"/>
      <c r="H18" s="153"/>
      <c r="I18" s="153"/>
      <c r="J18" s="153"/>
      <c r="K18" s="153"/>
      <c r="L18" s="153"/>
      <c r="M18" s="153"/>
      <c r="N18" s="153"/>
      <c r="O18" s="153"/>
      <c r="P18" s="153"/>
      <c r="Q18" s="153"/>
      <c r="R18" s="153"/>
      <c r="S18" s="153"/>
      <c r="T18" s="153"/>
      <c r="U18" s="153"/>
      <c r="V18" s="153"/>
      <c r="W18" s="154"/>
    </row>
    <row r="19" spans="2:23" ht="18" customHeight="1">
      <c r="B19" s="96"/>
      <c r="C19" s="91"/>
      <c r="D19" s="91"/>
      <c r="E19" s="92"/>
      <c r="F19" s="153"/>
      <c r="G19" s="153"/>
      <c r="H19" s="153"/>
      <c r="I19" s="153"/>
      <c r="J19" s="153"/>
      <c r="K19" s="153"/>
      <c r="L19" s="153"/>
      <c r="M19" s="153"/>
      <c r="N19" s="153"/>
      <c r="O19" s="153"/>
      <c r="P19" s="153"/>
      <c r="Q19" s="153"/>
      <c r="R19" s="153"/>
      <c r="S19" s="153"/>
      <c r="T19" s="153"/>
      <c r="U19" s="153"/>
      <c r="V19" s="153"/>
      <c r="W19" s="154"/>
    </row>
    <row r="20" spans="2:23" ht="18" customHeight="1">
      <c r="B20" s="96"/>
      <c r="C20" s="91"/>
      <c r="D20" s="91"/>
      <c r="E20" s="92"/>
      <c r="F20" s="153"/>
      <c r="G20" s="153"/>
      <c r="H20" s="153"/>
      <c r="I20" s="153"/>
      <c r="J20" s="153"/>
      <c r="K20" s="153"/>
      <c r="L20" s="153"/>
      <c r="M20" s="153"/>
      <c r="N20" s="153"/>
      <c r="O20" s="153"/>
      <c r="P20" s="153"/>
      <c r="Q20" s="153"/>
      <c r="R20" s="153"/>
      <c r="S20" s="153"/>
      <c r="T20" s="153"/>
      <c r="U20" s="153"/>
      <c r="V20" s="153"/>
      <c r="W20" s="154"/>
    </row>
    <row r="21" spans="2:23" ht="18" customHeight="1">
      <c r="B21" s="96"/>
      <c r="C21" s="91"/>
      <c r="D21" s="91"/>
      <c r="E21" s="92"/>
      <c r="F21" s="153"/>
      <c r="G21" s="153"/>
      <c r="H21" s="153"/>
      <c r="I21" s="153"/>
      <c r="J21" s="153"/>
      <c r="K21" s="153"/>
      <c r="L21" s="153"/>
      <c r="M21" s="153"/>
      <c r="N21" s="153"/>
      <c r="O21" s="153"/>
      <c r="P21" s="153"/>
      <c r="Q21" s="153"/>
      <c r="R21" s="153"/>
      <c r="S21" s="153"/>
      <c r="T21" s="153"/>
      <c r="U21" s="153"/>
      <c r="V21" s="153"/>
      <c r="W21" s="154"/>
    </row>
    <row r="22" spans="2:23" ht="18" customHeight="1">
      <c r="B22" s="96"/>
      <c r="C22" s="91"/>
      <c r="D22" s="91"/>
      <c r="E22" s="92"/>
      <c r="F22" s="153"/>
      <c r="G22" s="153"/>
      <c r="H22" s="153"/>
      <c r="I22" s="153"/>
      <c r="J22" s="153"/>
      <c r="K22" s="153"/>
      <c r="L22" s="153"/>
      <c r="M22" s="153"/>
      <c r="N22" s="153"/>
      <c r="O22" s="153"/>
      <c r="P22" s="153"/>
      <c r="Q22" s="153"/>
      <c r="R22" s="153"/>
      <c r="S22" s="153"/>
      <c r="T22" s="153"/>
      <c r="U22" s="153"/>
      <c r="V22" s="153"/>
      <c r="W22" s="154"/>
    </row>
    <row r="23" spans="2:23" ht="18" customHeight="1">
      <c r="B23" s="96"/>
      <c r="C23" s="91"/>
      <c r="D23" s="91"/>
      <c r="E23" s="92"/>
      <c r="F23" s="153"/>
      <c r="G23" s="153"/>
      <c r="H23" s="153"/>
      <c r="I23" s="153"/>
      <c r="J23" s="153"/>
      <c r="K23" s="153"/>
      <c r="L23" s="153"/>
      <c r="M23" s="153"/>
      <c r="N23" s="153"/>
      <c r="O23" s="153"/>
      <c r="P23" s="153"/>
      <c r="Q23" s="153"/>
      <c r="R23" s="153"/>
      <c r="S23" s="153"/>
      <c r="T23" s="153"/>
      <c r="U23" s="153"/>
      <c r="V23" s="153"/>
      <c r="W23" s="154"/>
    </row>
    <row r="24" spans="2:23" ht="18" customHeight="1">
      <c r="B24" s="96"/>
      <c r="C24" s="91"/>
      <c r="D24" s="91"/>
      <c r="E24" s="92"/>
      <c r="F24" s="153"/>
      <c r="G24" s="153"/>
      <c r="H24" s="153"/>
      <c r="I24" s="153"/>
      <c r="J24" s="153"/>
      <c r="K24" s="153"/>
      <c r="L24" s="153"/>
      <c r="M24" s="153"/>
      <c r="N24" s="153"/>
      <c r="O24" s="153"/>
      <c r="P24" s="153"/>
      <c r="Q24" s="153"/>
      <c r="R24" s="153"/>
      <c r="S24" s="153"/>
      <c r="T24" s="153"/>
      <c r="U24" s="153"/>
      <c r="V24" s="153"/>
      <c r="W24" s="154"/>
    </row>
    <row r="25" spans="2:23" ht="18" customHeight="1">
      <c r="B25" s="96"/>
      <c r="C25" s="91"/>
      <c r="D25" s="91"/>
      <c r="E25" s="92"/>
      <c r="F25" s="153"/>
      <c r="G25" s="153"/>
      <c r="H25" s="153"/>
      <c r="I25" s="153"/>
      <c r="J25" s="153"/>
      <c r="K25" s="153"/>
      <c r="L25" s="153"/>
      <c r="M25" s="153"/>
      <c r="N25" s="153"/>
      <c r="O25" s="153"/>
      <c r="P25" s="153"/>
      <c r="Q25" s="153"/>
      <c r="R25" s="153"/>
      <c r="S25" s="153"/>
      <c r="T25" s="153"/>
      <c r="U25" s="153"/>
      <c r="V25" s="153"/>
      <c r="W25" s="154"/>
    </row>
    <row r="26" spans="2:23" ht="18" customHeight="1">
      <c r="B26" s="96"/>
      <c r="C26" s="91"/>
      <c r="D26" s="91"/>
      <c r="E26" s="92"/>
      <c r="F26" s="153"/>
      <c r="G26" s="153"/>
      <c r="H26" s="153"/>
      <c r="I26" s="153"/>
      <c r="J26" s="153"/>
      <c r="K26" s="153"/>
      <c r="L26" s="153"/>
      <c r="M26" s="153"/>
      <c r="N26" s="153"/>
      <c r="O26" s="153"/>
      <c r="P26" s="153"/>
      <c r="Q26" s="153"/>
      <c r="R26" s="153"/>
      <c r="S26" s="153"/>
      <c r="T26" s="153"/>
      <c r="U26" s="153"/>
      <c r="V26" s="153"/>
      <c r="W26" s="154"/>
    </row>
    <row r="27" spans="2:23" ht="18" customHeight="1">
      <c r="B27" s="96"/>
      <c r="C27" s="91"/>
      <c r="D27" s="91"/>
      <c r="E27" s="92"/>
      <c r="F27" s="153"/>
      <c r="G27" s="153"/>
      <c r="H27" s="153"/>
      <c r="I27" s="153"/>
      <c r="J27" s="153"/>
      <c r="K27" s="153"/>
      <c r="L27" s="153"/>
      <c r="M27" s="153"/>
      <c r="N27" s="153"/>
      <c r="O27" s="153"/>
      <c r="P27" s="153"/>
      <c r="Q27" s="153"/>
      <c r="R27" s="153"/>
      <c r="S27" s="153"/>
      <c r="T27" s="153"/>
      <c r="U27" s="153"/>
      <c r="V27" s="153"/>
      <c r="W27" s="154"/>
    </row>
    <row r="28" spans="2:23" ht="18" customHeight="1">
      <c r="B28" s="160"/>
      <c r="C28" s="94"/>
      <c r="D28" s="94"/>
      <c r="E28" s="95"/>
      <c r="F28" s="155"/>
      <c r="G28" s="155"/>
      <c r="H28" s="155"/>
      <c r="I28" s="155"/>
      <c r="J28" s="155"/>
      <c r="K28" s="155"/>
      <c r="L28" s="155"/>
      <c r="M28" s="155"/>
      <c r="N28" s="155"/>
      <c r="O28" s="155"/>
      <c r="P28" s="155"/>
      <c r="Q28" s="155"/>
      <c r="R28" s="155"/>
      <c r="S28" s="155"/>
      <c r="T28" s="155"/>
      <c r="U28" s="155"/>
      <c r="V28" s="155"/>
      <c r="W28" s="156"/>
    </row>
    <row r="29" spans="2:23" ht="18" customHeight="1">
      <c r="B29" s="96" t="s">
        <v>1</v>
      </c>
      <c r="C29" s="91"/>
      <c r="D29" s="91"/>
      <c r="E29" s="92"/>
      <c r="F29" s="199" t="s">
        <v>16</v>
      </c>
      <c r="G29" s="199"/>
      <c r="H29" s="199"/>
      <c r="I29" s="199"/>
      <c r="J29" s="199"/>
      <c r="K29" s="199" t="s">
        <v>42</v>
      </c>
      <c r="L29" s="199"/>
      <c r="M29" s="199"/>
      <c r="N29" s="199"/>
      <c r="O29" s="199"/>
      <c r="P29" s="199"/>
      <c r="Q29" s="199"/>
      <c r="R29" s="199"/>
      <c r="S29" s="199"/>
      <c r="T29" s="199"/>
      <c r="U29" s="199"/>
      <c r="V29" s="199"/>
      <c r="W29" s="200"/>
    </row>
    <row r="30" spans="2:23">
      <c r="B30" s="96"/>
      <c r="C30" s="91"/>
      <c r="D30" s="91"/>
      <c r="E30" s="92"/>
      <c r="F30" s="145">
        <v>41548</v>
      </c>
      <c r="G30" s="146"/>
      <c r="H30" s="146"/>
      <c r="I30" s="146"/>
      <c r="J30" s="147"/>
      <c r="K30" s="148" t="s">
        <v>102</v>
      </c>
      <c r="L30" s="149"/>
      <c r="M30" s="149"/>
      <c r="N30" s="149"/>
      <c r="O30" s="149"/>
      <c r="P30" s="149"/>
      <c r="Q30" s="149"/>
      <c r="R30" s="149"/>
      <c r="S30" s="149"/>
      <c r="T30" s="149"/>
      <c r="U30" s="149"/>
      <c r="V30" s="149"/>
      <c r="W30" s="150"/>
    </row>
    <row r="31" spans="2:23">
      <c r="B31" s="96"/>
      <c r="C31" s="91"/>
      <c r="D31" s="91"/>
      <c r="E31" s="92"/>
      <c r="F31" s="145" t="s">
        <v>40</v>
      </c>
      <c r="G31" s="146"/>
      <c r="H31" s="146"/>
      <c r="I31" s="146"/>
      <c r="J31" s="147"/>
      <c r="K31" s="148"/>
      <c r="L31" s="149"/>
      <c r="M31" s="149"/>
      <c r="N31" s="149"/>
      <c r="O31" s="149"/>
      <c r="P31" s="149"/>
      <c r="Q31" s="149"/>
      <c r="R31" s="149"/>
      <c r="S31" s="149"/>
      <c r="T31" s="149"/>
      <c r="U31" s="149"/>
      <c r="V31" s="149"/>
      <c r="W31" s="150"/>
    </row>
    <row r="32" spans="2:23">
      <c r="B32" s="96"/>
      <c r="C32" s="91"/>
      <c r="D32" s="91"/>
      <c r="E32" s="92"/>
      <c r="F32" s="145" t="s">
        <v>40</v>
      </c>
      <c r="G32" s="146"/>
      <c r="H32" s="146"/>
      <c r="I32" s="146"/>
      <c r="J32" s="147"/>
      <c r="K32" s="148"/>
      <c r="L32" s="149"/>
      <c r="M32" s="149"/>
      <c r="N32" s="149"/>
      <c r="O32" s="149"/>
      <c r="P32" s="149"/>
      <c r="Q32" s="149"/>
      <c r="R32" s="149"/>
      <c r="S32" s="149"/>
      <c r="T32" s="149"/>
      <c r="U32" s="149"/>
      <c r="V32" s="149"/>
      <c r="W32" s="150"/>
    </row>
    <row r="33" spans="1:24">
      <c r="B33" s="96"/>
      <c r="C33" s="91"/>
      <c r="D33" s="91"/>
      <c r="E33" s="92"/>
      <c r="F33" s="145" t="s">
        <v>40</v>
      </c>
      <c r="G33" s="146"/>
      <c r="H33" s="146"/>
      <c r="I33" s="146"/>
      <c r="J33" s="147"/>
      <c r="K33" s="148"/>
      <c r="L33" s="149"/>
      <c r="M33" s="149"/>
      <c r="N33" s="149"/>
      <c r="O33" s="149"/>
      <c r="P33" s="149"/>
      <c r="Q33" s="149"/>
      <c r="R33" s="149"/>
      <c r="S33" s="149"/>
      <c r="T33" s="149"/>
      <c r="U33" s="149"/>
      <c r="V33" s="149"/>
      <c r="W33" s="150"/>
    </row>
    <row r="34" spans="1:24">
      <c r="B34" s="160"/>
      <c r="C34" s="94"/>
      <c r="D34" s="94"/>
      <c r="E34" s="95"/>
      <c r="F34" s="190" t="s">
        <v>41</v>
      </c>
      <c r="G34" s="191"/>
      <c r="H34" s="191"/>
      <c r="I34" s="191"/>
      <c r="J34" s="192"/>
      <c r="K34" s="193"/>
      <c r="L34" s="194"/>
      <c r="M34" s="194"/>
      <c r="N34" s="194"/>
      <c r="O34" s="194"/>
      <c r="P34" s="194"/>
      <c r="Q34" s="194"/>
      <c r="R34" s="194"/>
      <c r="S34" s="194"/>
      <c r="T34" s="194"/>
      <c r="U34" s="194"/>
      <c r="V34" s="194"/>
      <c r="W34" s="195"/>
    </row>
    <row r="35" spans="1:24" ht="84" customHeight="1" thickBot="1">
      <c r="A35"/>
      <c r="B35" s="196" t="s">
        <v>43</v>
      </c>
      <c r="C35" s="197"/>
      <c r="D35" s="197"/>
      <c r="E35" s="197"/>
      <c r="F35" s="201" t="s">
        <v>105</v>
      </c>
      <c r="G35" s="202"/>
      <c r="H35" s="202"/>
      <c r="I35" s="202"/>
      <c r="J35" s="202"/>
      <c r="K35" s="202"/>
      <c r="L35" s="202"/>
      <c r="M35" s="202"/>
      <c r="N35" s="202"/>
      <c r="O35" s="202"/>
      <c r="P35" s="202"/>
      <c r="Q35" s="202"/>
      <c r="R35" s="202"/>
      <c r="S35" s="202"/>
      <c r="T35" s="202"/>
      <c r="U35" s="202"/>
      <c r="V35" s="202"/>
      <c r="W35" s="203"/>
    </row>
    <row r="36" spans="1:24" ht="18" customHeight="1">
      <c r="B36" s="20" t="s">
        <v>2</v>
      </c>
      <c r="C36" s="19"/>
      <c r="D36" s="19"/>
      <c r="E36" s="19"/>
      <c r="F36" s="19"/>
      <c r="G36" s="19"/>
      <c r="H36" s="19"/>
      <c r="I36" s="19"/>
      <c r="J36" s="19"/>
      <c r="K36" s="19"/>
      <c r="L36" s="19"/>
      <c r="M36" s="19"/>
      <c r="N36" s="19"/>
      <c r="O36" s="19"/>
    </row>
    <row r="37" spans="1:24" ht="15.45" customHeight="1">
      <c r="A37"/>
      <c r="B37" s="20"/>
      <c r="C37" s="19"/>
      <c r="D37" s="19"/>
      <c r="E37" s="19"/>
      <c r="F37" s="19"/>
      <c r="G37" s="19"/>
      <c r="H37" s="19"/>
      <c r="I37" s="19"/>
      <c r="J37" s="19"/>
      <c r="K37" s="19"/>
      <c r="L37" s="19"/>
      <c r="M37" s="19"/>
      <c r="N37" s="19"/>
      <c r="O37" s="19"/>
    </row>
    <row r="38" spans="1:24" ht="15.45" customHeight="1">
      <c r="A38"/>
      <c r="B38" s="2" t="s">
        <v>53</v>
      </c>
      <c r="C38" s="2"/>
      <c r="D38" s="2"/>
      <c r="E38" s="2"/>
      <c r="F38" s="2"/>
      <c r="G38" s="2"/>
      <c r="H38" s="2"/>
      <c r="I38" s="2"/>
      <c r="J38" s="2"/>
      <c r="K38" s="19"/>
      <c r="L38" s="19"/>
      <c r="M38" s="19"/>
      <c r="N38" s="19"/>
      <c r="O38" s="19"/>
    </row>
    <row r="39" spans="1:24" ht="24.75" customHeight="1" thickBot="1">
      <c r="A39"/>
      <c r="B39" s="73" t="s">
        <v>104</v>
      </c>
      <c r="C39" s="73"/>
      <c r="D39" s="73"/>
      <c r="E39" s="73"/>
      <c r="F39" s="73"/>
      <c r="G39" s="28"/>
      <c r="H39" s="19"/>
      <c r="I39" s="19"/>
      <c r="J39" s="19"/>
      <c r="K39" s="19"/>
      <c r="L39" s="19"/>
      <c r="M39" s="19"/>
      <c r="N39" s="19"/>
      <c r="O39" s="19"/>
    </row>
    <row r="40" spans="1:24" ht="13.5" customHeight="1">
      <c r="A40" s="29"/>
      <c r="B40" s="41"/>
      <c r="C40" s="42"/>
      <c r="D40" s="42"/>
      <c r="E40" s="43"/>
      <c r="F40" s="136"/>
      <c r="G40" s="136"/>
      <c r="H40" s="136"/>
      <c r="I40" s="136"/>
      <c r="J40" s="136"/>
      <c r="K40" s="136"/>
      <c r="L40" s="136"/>
      <c r="M40" s="136"/>
      <c r="N40" s="136"/>
      <c r="O40" s="136"/>
      <c r="P40" s="136"/>
      <c r="Q40" s="136"/>
      <c r="R40" s="136"/>
      <c r="S40" s="136"/>
      <c r="T40" s="136"/>
      <c r="U40" s="136"/>
      <c r="V40" s="136"/>
      <c r="W40" s="136"/>
      <c r="X40" s="30"/>
    </row>
    <row r="41" spans="1:24">
      <c r="A41" s="26"/>
      <c r="B41" s="205" t="s">
        <v>3</v>
      </c>
      <c r="C41" s="206"/>
      <c r="D41" s="206"/>
      <c r="E41" s="207"/>
      <c r="F41" s="208" t="s">
        <v>88</v>
      </c>
      <c r="G41" s="208"/>
      <c r="H41" s="208"/>
      <c r="I41" s="208"/>
      <c r="J41" s="208"/>
      <c r="K41" s="208"/>
      <c r="L41" s="208"/>
      <c r="M41" s="209" t="s">
        <v>4</v>
      </c>
      <c r="N41" s="158"/>
      <c r="O41" s="158"/>
      <c r="P41" s="159"/>
      <c r="Q41" s="50"/>
      <c r="R41" s="37"/>
      <c r="S41" s="37"/>
      <c r="T41" s="51"/>
      <c r="U41" s="51"/>
      <c r="V41" s="51"/>
      <c r="W41" s="52"/>
      <c r="X41" s="1"/>
    </row>
    <row r="42" spans="1:24">
      <c r="A42" s="26"/>
      <c r="B42" s="90" t="s">
        <v>54</v>
      </c>
      <c r="C42" s="91"/>
      <c r="D42" s="91"/>
      <c r="E42" s="92"/>
      <c r="F42" s="97" t="s">
        <v>89</v>
      </c>
      <c r="G42" s="97"/>
      <c r="H42" s="97"/>
      <c r="I42" s="97"/>
      <c r="J42" s="97"/>
      <c r="K42" s="97"/>
      <c r="L42" s="97"/>
      <c r="M42" s="90"/>
      <c r="N42" s="91"/>
      <c r="O42" s="91"/>
      <c r="P42" s="92"/>
      <c r="Q42" s="7"/>
      <c r="R42" s="198">
        <v>14892</v>
      </c>
      <c r="S42" s="198"/>
      <c r="T42" s="198"/>
      <c r="U42" s="198"/>
      <c r="V42" s="198"/>
      <c r="W42" s="53" t="s">
        <v>7</v>
      </c>
      <c r="X42" s="1"/>
    </row>
    <row r="43" spans="1:24">
      <c r="A43" s="26"/>
      <c r="B43" s="90"/>
      <c r="C43" s="91"/>
      <c r="D43" s="91"/>
      <c r="E43" s="92"/>
      <c r="F43" s="98"/>
      <c r="G43" s="98"/>
      <c r="H43" s="98"/>
      <c r="I43" s="98"/>
      <c r="J43" s="98"/>
      <c r="K43" s="98"/>
      <c r="L43" s="98"/>
      <c r="M43" s="90"/>
      <c r="N43" s="91"/>
      <c r="O43" s="91"/>
      <c r="P43" s="92"/>
      <c r="Q43" s="9"/>
      <c r="R43" s="24" t="s">
        <v>55</v>
      </c>
      <c r="S43" s="112">
        <f>IF(ISERROR(DATEDIF(R42,R2,"Y")),"",DATEDIF(R42,R2,"Y"))</f>
        <v>84</v>
      </c>
      <c r="T43" s="112"/>
      <c r="U43" s="25" t="s">
        <v>8</v>
      </c>
      <c r="V43" s="25" t="s">
        <v>56</v>
      </c>
      <c r="W43" s="54"/>
      <c r="X43" s="1"/>
    </row>
    <row r="44" spans="1:24">
      <c r="A44" s="26"/>
      <c r="B44" s="210" t="s">
        <v>10</v>
      </c>
      <c r="C44" s="81"/>
      <c r="D44" s="81"/>
      <c r="E44" s="82"/>
      <c r="F44" s="11"/>
      <c r="G44" s="22" t="s">
        <v>30</v>
      </c>
      <c r="H44" s="211" t="s">
        <v>90</v>
      </c>
      <c r="I44" s="211"/>
      <c r="J44" s="211"/>
      <c r="K44" s="22" t="s">
        <v>31</v>
      </c>
      <c r="L44" s="12"/>
      <c r="M44" s="93"/>
      <c r="N44" s="94"/>
      <c r="O44" s="94"/>
      <c r="P44" s="95"/>
      <c r="Q44" s="13"/>
      <c r="R44" s="14"/>
      <c r="S44" s="113"/>
      <c r="T44" s="113"/>
      <c r="U44" s="15"/>
      <c r="V44" s="15"/>
      <c r="W44" s="55"/>
      <c r="X44" s="1"/>
    </row>
    <row r="45" spans="1:24" ht="18" customHeight="1">
      <c r="A45" s="26"/>
      <c r="B45" s="47"/>
      <c r="C45" s="48"/>
      <c r="D45" s="48"/>
      <c r="E45" s="49"/>
      <c r="F45" s="212"/>
      <c r="G45" s="212"/>
      <c r="H45" s="212"/>
      <c r="I45" s="212"/>
      <c r="J45" s="212"/>
      <c r="K45" s="212"/>
      <c r="L45" s="212"/>
      <c r="M45" s="212"/>
      <c r="N45" s="212"/>
      <c r="O45" s="212"/>
      <c r="P45" s="212"/>
      <c r="Q45" s="212"/>
      <c r="R45" s="212"/>
      <c r="S45" s="212"/>
      <c r="T45" s="212"/>
      <c r="U45" s="212"/>
      <c r="V45" s="212"/>
      <c r="W45" s="212"/>
      <c r="X45" s="1"/>
    </row>
    <row r="46" spans="1:24" ht="24.75" customHeight="1">
      <c r="A46" s="26"/>
      <c r="B46" s="56" t="s">
        <v>45</v>
      </c>
      <c r="C46" s="57"/>
      <c r="D46" s="57"/>
      <c r="E46" s="58"/>
      <c r="F46" s="216" t="s">
        <v>101</v>
      </c>
      <c r="G46" s="216"/>
      <c r="H46" s="216"/>
      <c r="I46" s="216"/>
      <c r="J46" s="216"/>
      <c r="K46" s="59"/>
      <c r="L46" s="214" t="s">
        <v>92</v>
      </c>
      <c r="M46" s="214"/>
      <c r="N46" s="214"/>
      <c r="O46" s="214"/>
      <c r="P46" s="214"/>
      <c r="Q46" s="214"/>
      <c r="R46" s="214"/>
      <c r="S46" s="214"/>
      <c r="T46" s="214"/>
      <c r="U46" s="214"/>
      <c r="V46" s="215" t="s">
        <v>59</v>
      </c>
      <c r="W46" s="215"/>
      <c r="X46" s="1"/>
    </row>
    <row r="47" spans="1:24" ht="11.25" customHeight="1">
      <c r="A47" s="26"/>
      <c r="B47" s="36"/>
      <c r="C47" s="36"/>
      <c r="D47" s="36"/>
      <c r="E47" s="36"/>
      <c r="F47" s="36"/>
      <c r="G47" s="36"/>
      <c r="H47" s="32"/>
      <c r="I47" s="32"/>
      <c r="J47" s="32"/>
      <c r="K47" s="32"/>
      <c r="L47" s="32"/>
      <c r="M47" s="32"/>
      <c r="N47" s="32"/>
      <c r="O47" s="32"/>
      <c r="P47" s="23"/>
      <c r="Q47" s="23"/>
      <c r="R47" s="23"/>
      <c r="S47" s="23"/>
      <c r="T47" s="23"/>
      <c r="U47" s="23"/>
      <c r="V47" s="23"/>
      <c r="W47" s="23"/>
      <c r="X47" s="1"/>
    </row>
    <row r="48" spans="1:24" ht="24.75" customHeight="1">
      <c r="A48" s="26"/>
      <c r="B48" s="33" t="s">
        <v>46</v>
      </c>
      <c r="C48" s="36"/>
      <c r="D48" s="36"/>
      <c r="E48" s="36"/>
      <c r="F48" s="36"/>
      <c r="G48" s="36"/>
      <c r="H48" s="32"/>
      <c r="I48" s="32"/>
      <c r="J48" s="32"/>
      <c r="K48" s="32"/>
      <c r="L48" s="32"/>
      <c r="M48" s="32"/>
      <c r="N48" s="32"/>
      <c r="O48" s="32"/>
      <c r="P48" s="23"/>
      <c r="Q48" s="23"/>
      <c r="R48" s="23"/>
      <c r="S48" s="23"/>
      <c r="T48" s="23"/>
      <c r="U48" s="23"/>
      <c r="V48" s="23"/>
      <c r="W48" s="23"/>
      <c r="X48" s="1"/>
    </row>
    <row r="49" spans="1:25" ht="14.25" customHeight="1">
      <c r="A49" s="26"/>
      <c r="B49" s="120" t="s">
        <v>51</v>
      </c>
      <c r="C49" s="121"/>
      <c r="D49" s="121"/>
      <c r="E49" s="122"/>
      <c r="F49" s="120" t="s">
        <v>17</v>
      </c>
      <c r="G49" s="121"/>
      <c r="H49" s="121"/>
      <c r="I49" s="122"/>
      <c r="J49" s="115" t="s">
        <v>93</v>
      </c>
      <c r="K49" s="115"/>
      <c r="L49" s="115"/>
      <c r="M49" s="115"/>
      <c r="N49" s="115"/>
      <c r="O49" s="115"/>
      <c r="P49" s="115"/>
      <c r="Q49" s="115"/>
      <c r="R49" s="115"/>
      <c r="S49" s="115"/>
      <c r="T49" s="115"/>
      <c r="U49" s="115"/>
      <c r="V49" s="115"/>
      <c r="W49" s="129"/>
      <c r="X49" s="1"/>
      <c r="Y49" s="23"/>
    </row>
    <row r="50" spans="1:25" ht="14.25" customHeight="1">
      <c r="A50" s="26"/>
      <c r="B50" s="123"/>
      <c r="C50" s="124"/>
      <c r="D50" s="124"/>
      <c r="E50" s="125"/>
      <c r="F50" s="126"/>
      <c r="G50" s="127"/>
      <c r="H50" s="127"/>
      <c r="I50" s="128"/>
      <c r="J50" s="118"/>
      <c r="K50" s="118"/>
      <c r="L50" s="118"/>
      <c r="M50" s="118"/>
      <c r="N50" s="118"/>
      <c r="O50" s="118"/>
      <c r="P50" s="118"/>
      <c r="Q50" s="118"/>
      <c r="R50" s="118"/>
      <c r="S50" s="118"/>
      <c r="T50" s="118"/>
      <c r="U50" s="118"/>
      <c r="V50" s="118"/>
      <c r="W50" s="130"/>
      <c r="X50" s="1"/>
      <c r="Y50" s="23"/>
    </row>
    <row r="51" spans="1:25" ht="14.25" customHeight="1">
      <c r="A51" s="26"/>
      <c r="B51" s="123"/>
      <c r="C51" s="124"/>
      <c r="D51" s="124"/>
      <c r="E51" s="125"/>
      <c r="F51" s="120" t="s">
        <v>33</v>
      </c>
      <c r="G51" s="121"/>
      <c r="H51" s="121"/>
      <c r="I51" s="122"/>
      <c r="J51" s="115" t="s">
        <v>107</v>
      </c>
      <c r="K51" s="115"/>
      <c r="L51" s="115"/>
      <c r="M51" s="115"/>
      <c r="N51" s="115"/>
      <c r="O51" s="115"/>
      <c r="P51" s="115"/>
      <c r="Q51" s="115"/>
      <c r="R51" s="115"/>
      <c r="S51" s="115"/>
      <c r="T51" s="115"/>
      <c r="U51" s="115"/>
      <c r="V51" s="115"/>
      <c r="W51" s="129"/>
      <c r="X51" s="1"/>
      <c r="Y51" s="23"/>
    </row>
    <row r="52" spans="1:25" ht="14.25" customHeight="1">
      <c r="A52" s="26"/>
      <c r="B52" s="123"/>
      <c r="C52" s="124"/>
      <c r="D52" s="124"/>
      <c r="E52" s="125"/>
      <c r="F52" s="126"/>
      <c r="G52" s="127"/>
      <c r="H52" s="127"/>
      <c r="I52" s="128"/>
      <c r="J52" s="118"/>
      <c r="K52" s="118"/>
      <c r="L52" s="118"/>
      <c r="M52" s="118"/>
      <c r="N52" s="118"/>
      <c r="O52" s="118"/>
      <c r="P52" s="118"/>
      <c r="Q52" s="118"/>
      <c r="R52" s="118"/>
      <c r="S52" s="118"/>
      <c r="T52" s="118"/>
      <c r="U52" s="118"/>
      <c r="V52" s="118"/>
      <c r="W52" s="130"/>
      <c r="X52" s="1"/>
      <c r="Y52" s="23"/>
    </row>
    <row r="53" spans="1:25" ht="14.25" customHeight="1">
      <c r="A53" s="26"/>
      <c r="B53" s="123"/>
      <c r="C53" s="124"/>
      <c r="D53" s="124"/>
      <c r="E53" s="125"/>
      <c r="F53" s="120" t="s">
        <v>18</v>
      </c>
      <c r="G53" s="121"/>
      <c r="H53" s="121"/>
      <c r="I53" s="122"/>
      <c r="J53" s="161" t="s">
        <v>94</v>
      </c>
      <c r="K53" s="162"/>
      <c r="L53" s="162"/>
      <c r="M53" s="162"/>
      <c r="N53" s="162"/>
      <c r="O53" s="162"/>
      <c r="P53" s="163"/>
      <c r="Q53" s="134" t="s">
        <v>39</v>
      </c>
      <c r="R53" s="134"/>
      <c r="S53" s="161"/>
      <c r="T53" s="162"/>
      <c r="U53" s="162"/>
      <c r="V53" s="162"/>
      <c r="W53" s="163"/>
      <c r="X53" s="1"/>
      <c r="Y53" s="23"/>
    </row>
    <row r="54" spans="1:25" ht="14.25" customHeight="1">
      <c r="A54" s="26"/>
      <c r="B54" s="123"/>
      <c r="C54" s="124"/>
      <c r="D54" s="124"/>
      <c r="E54" s="125"/>
      <c r="F54" s="126"/>
      <c r="G54" s="127"/>
      <c r="H54" s="127"/>
      <c r="I54" s="128"/>
      <c r="J54" s="164"/>
      <c r="K54" s="165"/>
      <c r="L54" s="165"/>
      <c r="M54" s="165"/>
      <c r="N54" s="165"/>
      <c r="O54" s="165"/>
      <c r="P54" s="166"/>
      <c r="Q54" s="134"/>
      <c r="R54" s="134"/>
      <c r="S54" s="164"/>
      <c r="T54" s="165"/>
      <c r="U54" s="165"/>
      <c r="V54" s="165"/>
      <c r="W54" s="166"/>
      <c r="X54" s="1"/>
      <c r="Y54" s="23"/>
    </row>
    <row r="55" spans="1:25" ht="18.75" customHeight="1">
      <c r="A55" s="26"/>
      <c r="B55" s="123"/>
      <c r="C55" s="124"/>
      <c r="D55" s="124"/>
      <c r="E55" s="125"/>
      <c r="F55" s="120" t="s">
        <v>21</v>
      </c>
      <c r="G55" s="121"/>
      <c r="H55" s="121"/>
      <c r="I55" s="122"/>
      <c r="J55" s="217">
        <v>36069</v>
      </c>
      <c r="K55" s="217"/>
      <c r="L55" s="217"/>
      <c r="M55" s="217"/>
      <c r="N55" s="217"/>
      <c r="O55" s="17" t="s">
        <v>35</v>
      </c>
      <c r="P55" s="218">
        <v>45931</v>
      </c>
      <c r="Q55" s="218"/>
      <c r="R55" s="218"/>
      <c r="S55" s="218"/>
      <c r="T55" s="218"/>
      <c r="V55" s="23"/>
      <c r="W55" s="38"/>
      <c r="X55" s="1"/>
      <c r="Y55" s="23"/>
    </row>
    <row r="56" spans="1:25" ht="18.75" customHeight="1">
      <c r="A56" s="26"/>
      <c r="B56" s="126"/>
      <c r="C56" s="127"/>
      <c r="D56" s="127"/>
      <c r="E56" s="128"/>
      <c r="F56" s="126"/>
      <c r="G56" s="127"/>
      <c r="H56" s="127"/>
      <c r="I56" s="128"/>
      <c r="J56" s="18"/>
      <c r="K56" s="18"/>
      <c r="L56" s="18"/>
      <c r="M56" s="18"/>
      <c r="N56" s="18"/>
      <c r="O56" s="18"/>
      <c r="P56" s="27"/>
      <c r="Q56" s="27" t="s">
        <v>36</v>
      </c>
      <c r="R56" s="27">
        <f>IF(ISERROR(DATEDIF(J55,P55+1,"Y")),"",DATEDIF(J55,P55+1,"Y"))</f>
        <v>27</v>
      </c>
      <c r="S56" s="27" t="s">
        <v>6</v>
      </c>
      <c r="T56" s="27">
        <f>IF(ISERROR(DATEDIF(J55,P55+1,"YM")),"",DATEDIF(J55,P55+1,"YM"))</f>
        <v>0</v>
      </c>
      <c r="U56" s="27" t="s">
        <v>37</v>
      </c>
      <c r="V56" s="27" t="s">
        <v>12</v>
      </c>
      <c r="W56" s="39" t="s">
        <v>31</v>
      </c>
      <c r="X56" s="1"/>
      <c r="Y56" s="23"/>
    </row>
    <row r="57" spans="1:25" ht="18" customHeight="1">
      <c r="A57" s="26"/>
      <c r="B57" s="167" t="s">
        <v>19</v>
      </c>
      <c r="C57" s="167"/>
      <c r="D57" s="121" t="s">
        <v>13</v>
      </c>
      <c r="E57" s="122"/>
      <c r="F57" s="120" t="s">
        <v>20</v>
      </c>
      <c r="G57" s="121"/>
      <c r="H57" s="121"/>
      <c r="I57" s="122"/>
      <c r="J57" s="114" t="s">
        <v>95</v>
      </c>
      <c r="K57" s="115"/>
      <c r="L57" s="115"/>
      <c r="M57" s="115"/>
      <c r="N57" s="115"/>
      <c r="O57" s="115"/>
      <c r="P57" s="129"/>
      <c r="Q57" s="134" t="s">
        <v>39</v>
      </c>
      <c r="R57" s="134"/>
      <c r="S57" s="161"/>
      <c r="T57" s="162"/>
      <c r="U57" s="162"/>
      <c r="V57" s="162"/>
      <c r="W57" s="163"/>
      <c r="X57" s="1"/>
    </row>
    <row r="58" spans="1:25" ht="18" customHeight="1">
      <c r="A58" s="26"/>
      <c r="B58" s="167"/>
      <c r="C58" s="167"/>
      <c r="D58" s="124"/>
      <c r="E58" s="125"/>
      <c r="F58" s="126"/>
      <c r="G58" s="127"/>
      <c r="H58" s="127"/>
      <c r="I58" s="128"/>
      <c r="J58" s="117"/>
      <c r="K58" s="118"/>
      <c r="L58" s="118"/>
      <c r="M58" s="118"/>
      <c r="N58" s="118"/>
      <c r="O58" s="118"/>
      <c r="P58" s="130"/>
      <c r="Q58" s="134"/>
      <c r="R58" s="134"/>
      <c r="S58" s="164"/>
      <c r="T58" s="165"/>
      <c r="U58" s="165"/>
      <c r="V58" s="165"/>
      <c r="W58" s="166"/>
      <c r="X58" s="1"/>
    </row>
    <row r="59" spans="1:25" ht="18" customHeight="1">
      <c r="A59" s="26"/>
      <c r="B59" s="167"/>
      <c r="C59" s="167"/>
      <c r="D59" s="124"/>
      <c r="E59" s="125"/>
      <c r="F59" s="123" t="s">
        <v>21</v>
      </c>
      <c r="G59" s="124"/>
      <c r="H59" s="124"/>
      <c r="I59" s="125"/>
      <c r="J59" s="217">
        <v>34790</v>
      </c>
      <c r="K59" s="217"/>
      <c r="L59" s="217"/>
      <c r="M59" s="217"/>
      <c r="N59" s="217"/>
      <c r="O59" s="17" t="s">
        <v>35</v>
      </c>
      <c r="P59" s="218">
        <v>36068</v>
      </c>
      <c r="Q59" s="218"/>
      <c r="R59" s="218"/>
      <c r="S59" s="218"/>
      <c r="T59" s="218"/>
      <c r="V59" s="23"/>
      <c r="W59" s="38"/>
      <c r="X59" s="1"/>
    </row>
    <row r="60" spans="1:25" ht="18" customHeight="1">
      <c r="A60" s="26"/>
      <c r="B60" s="167"/>
      <c r="C60" s="167"/>
      <c r="D60" s="127"/>
      <c r="E60" s="128"/>
      <c r="F60" s="126"/>
      <c r="G60" s="127"/>
      <c r="H60" s="127"/>
      <c r="I60" s="128"/>
      <c r="J60" s="18"/>
      <c r="K60" s="18"/>
      <c r="L60" s="18"/>
      <c r="M60" s="18"/>
      <c r="N60" s="18"/>
      <c r="O60" s="18"/>
      <c r="P60" s="27"/>
      <c r="Q60" s="27" t="s">
        <v>36</v>
      </c>
      <c r="R60" s="27">
        <f>IF(ISERROR(DATEDIF(J59,P59+1,"Y")),"",DATEDIF(J59,P59+1,"Y"))</f>
        <v>3</v>
      </c>
      <c r="S60" s="27" t="s">
        <v>6</v>
      </c>
      <c r="T60" s="27">
        <f>IF(ISERROR(DATEDIF(J59,P59+1,"YM")),"",DATEDIF(J59,P59+1,"YM"))</f>
        <v>6</v>
      </c>
      <c r="U60" s="27" t="s">
        <v>37</v>
      </c>
      <c r="V60" s="27" t="s">
        <v>12</v>
      </c>
      <c r="W60" s="39" t="s">
        <v>31</v>
      </c>
      <c r="X60" s="1"/>
    </row>
    <row r="61" spans="1:25" ht="18" customHeight="1">
      <c r="A61" s="26"/>
      <c r="B61" s="167"/>
      <c r="C61" s="167"/>
      <c r="D61" s="121" t="s">
        <v>14</v>
      </c>
      <c r="E61" s="122"/>
      <c r="F61" s="120" t="s">
        <v>20</v>
      </c>
      <c r="G61" s="121"/>
      <c r="H61" s="121"/>
      <c r="I61" s="122"/>
      <c r="J61" s="114" t="s">
        <v>96</v>
      </c>
      <c r="K61" s="115"/>
      <c r="L61" s="115"/>
      <c r="M61" s="115"/>
      <c r="N61" s="115"/>
      <c r="O61" s="115"/>
      <c r="P61" s="129"/>
      <c r="Q61" s="134" t="s">
        <v>39</v>
      </c>
      <c r="R61" s="134"/>
      <c r="S61" s="161"/>
      <c r="T61" s="162"/>
      <c r="U61" s="162"/>
      <c r="V61" s="162"/>
      <c r="W61" s="163"/>
      <c r="X61" s="1"/>
    </row>
    <row r="62" spans="1:25" ht="18" customHeight="1">
      <c r="A62" s="26"/>
      <c r="B62" s="167"/>
      <c r="C62" s="167"/>
      <c r="D62" s="124"/>
      <c r="E62" s="125"/>
      <c r="F62" s="126"/>
      <c r="G62" s="127"/>
      <c r="H62" s="127"/>
      <c r="I62" s="128"/>
      <c r="J62" s="117"/>
      <c r="K62" s="118"/>
      <c r="L62" s="118"/>
      <c r="M62" s="118"/>
      <c r="N62" s="118"/>
      <c r="O62" s="118"/>
      <c r="P62" s="130"/>
      <c r="Q62" s="134"/>
      <c r="R62" s="134"/>
      <c r="S62" s="164"/>
      <c r="T62" s="165"/>
      <c r="U62" s="165"/>
      <c r="V62" s="165"/>
      <c r="W62" s="166"/>
      <c r="X62" s="1"/>
    </row>
    <row r="63" spans="1:25" ht="18" customHeight="1">
      <c r="A63" s="26"/>
      <c r="B63" s="167"/>
      <c r="C63" s="167"/>
      <c r="D63" s="124"/>
      <c r="E63" s="125"/>
      <c r="F63" s="123" t="s">
        <v>21</v>
      </c>
      <c r="G63" s="124"/>
      <c r="H63" s="124"/>
      <c r="I63" s="125"/>
      <c r="J63" s="131">
        <v>34464</v>
      </c>
      <c r="K63" s="132"/>
      <c r="L63" s="132"/>
      <c r="M63" s="132"/>
      <c r="N63" s="132"/>
      <c r="O63" s="17" t="s">
        <v>35</v>
      </c>
      <c r="P63" s="133">
        <v>34789</v>
      </c>
      <c r="Q63" s="133"/>
      <c r="R63" s="133"/>
      <c r="S63" s="133"/>
      <c r="T63" s="133"/>
      <c r="V63" s="40"/>
      <c r="W63" s="38"/>
      <c r="X63" s="1"/>
    </row>
    <row r="64" spans="1:25" ht="18" customHeight="1">
      <c r="A64" s="26"/>
      <c r="B64" s="167"/>
      <c r="C64" s="167"/>
      <c r="D64" s="127"/>
      <c r="E64" s="128"/>
      <c r="F64" s="126"/>
      <c r="G64" s="127"/>
      <c r="H64" s="127"/>
      <c r="I64" s="128"/>
      <c r="J64" s="18"/>
      <c r="K64" s="18"/>
      <c r="L64" s="18"/>
      <c r="M64" s="18"/>
      <c r="N64" s="18"/>
      <c r="O64" s="18"/>
      <c r="P64" s="27"/>
      <c r="Q64" s="27" t="s">
        <v>36</v>
      </c>
      <c r="R64" s="27">
        <f>IF(ISERROR(DATEDIF(J63,P63+1,"Y")),"",DATEDIF(J63,P63+1,"Y"))</f>
        <v>0</v>
      </c>
      <c r="S64" s="27" t="s">
        <v>6</v>
      </c>
      <c r="T64" s="27">
        <f>IF(ISERROR(DATEDIF(J63,P63+1,"YM")),"",DATEDIF(J63,P63+1,"YM"))</f>
        <v>10</v>
      </c>
      <c r="U64" s="27" t="s">
        <v>37</v>
      </c>
      <c r="V64" s="27" t="s">
        <v>12</v>
      </c>
      <c r="W64" s="39" t="s">
        <v>31</v>
      </c>
      <c r="X64" s="1"/>
    </row>
    <row r="65" spans="1:24" ht="18" customHeight="1">
      <c r="A65" s="26"/>
      <c r="B65" s="167"/>
      <c r="C65" s="167"/>
      <c r="D65" s="121" t="s">
        <v>15</v>
      </c>
      <c r="E65" s="122"/>
      <c r="F65" s="120" t="s">
        <v>20</v>
      </c>
      <c r="G65" s="121"/>
      <c r="H65" s="121"/>
      <c r="I65" s="122"/>
      <c r="J65" s="114"/>
      <c r="K65" s="115"/>
      <c r="L65" s="115"/>
      <c r="M65" s="115"/>
      <c r="N65" s="115"/>
      <c r="O65" s="115"/>
      <c r="P65" s="129"/>
      <c r="Q65" s="134" t="s">
        <v>39</v>
      </c>
      <c r="R65" s="134"/>
      <c r="S65" s="161"/>
      <c r="T65" s="162"/>
      <c r="U65" s="162"/>
      <c r="V65" s="162"/>
      <c r="W65" s="163"/>
      <c r="X65" s="1"/>
    </row>
    <row r="66" spans="1:24" ht="18" customHeight="1">
      <c r="A66" s="26"/>
      <c r="B66" s="167"/>
      <c r="C66" s="167"/>
      <c r="D66" s="124"/>
      <c r="E66" s="125"/>
      <c r="F66" s="126"/>
      <c r="G66" s="127"/>
      <c r="H66" s="127"/>
      <c r="I66" s="128"/>
      <c r="J66" s="117"/>
      <c r="K66" s="118"/>
      <c r="L66" s="118"/>
      <c r="M66" s="118"/>
      <c r="N66" s="118"/>
      <c r="O66" s="118"/>
      <c r="P66" s="130"/>
      <c r="Q66" s="134"/>
      <c r="R66" s="134"/>
      <c r="S66" s="164"/>
      <c r="T66" s="165"/>
      <c r="U66" s="165"/>
      <c r="V66" s="165"/>
      <c r="W66" s="166"/>
      <c r="X66" s="1"/>
    </row>
    <row r="67" spans="1:24" ht="18" customHeight="1">
      <c r="A67" s="26"/>
      <c r="B67" s="167"/>
      <c r="C67" s="167"/>
      <c r="D67" s="124"/>
      <c r="E67" s="125"/>
      <c r="F67" s="123" t="s">
        <v>21</v>
      </c>
      <c r="G67" s="124"/>
      <c r="H67" s="124"/>
      <c r="I67" s="125"/>
      <c r="J67" s="131" t="s">
        <v>34</v>
      </c>
      <c r="K67" s="132"/>
      <c r="L67" s="132"/>
      <c r="M67" s="132"/>
      <c r="N67" s="132"/>
      <c r="O67" s="17" t="s">
        <v>35</v>
      </c>
      <c r="P67" s="133" t="s">
        <v>49</v>
      </c>
      <c r="Q67" s="133"/>
      <c r="R67" s="133"/>
      <c r="S67" s="133"/>
      <c r="T67" s="133"/>
      <c r="V67" s="40"/>
      <c r="W67" s="38"/>
      <c r="X67" s="1"/>
    </row>
    <row r="68" spans="1:24" ht="18" customHeight="1">
      <c r="A68" s="26"/>
      <c r="B68" s="167"/>
      <c r="C68" s="167"/>
      <c r="D68" s="127"/>
      <c r="E68" s="128"/>
      <c r="F68" s="126"/>
      <c r="G68" s="127"/>
      <c r="H68" s="127"/>
      <c r="I68" s="128"/>
      <c r="J68" s="18"/>
      <c r="K68" s="18"/>
      <c r="L68" s="18"/>
      <c r="M68" s="18"/>
      <c r="N68" s="18"/>
      <c r="O68" s="18"/>
      <c r="P68" s="27"/>
      <c r="Q68" s="27" t="s">
        <v>36</v>
      </c>
      <c r="R68" s="27" t="str">
        <f>IF(ISERROR(DATEDIF(J67,P67+1,"Y")),"",DATEDIF(J67,P67+1,"Y"))</f>
        <v/>
      </c>
      <c r="S68" s="27" t="s">
        <v>6</v>
      </c>
      <c r="T68" s="27" t="str">
        <f>IF(ISERROR(DATEDIF(J67,P67+1,"YM")),"",DATEDIF(J67,P67+1,"YM"))</f>
        <v/>
      </c>
      <c r="U68" s="27" t="s">
        <v>37</v>
      </c>
      <c r="V68" s="27" t="s">
        <v>12</v>
      </c>
      <c r="W68" s="39" t="s">
        <v>31</v>
      </c>
      <c r="X68" s="1"/>
    </row>
    <row r="69" spans="1:24" ht="18" customHeight="1">
      <c r="A69" s="26"/>
      <c r="B69" s="167"/>
      <c r="C69" s="167"/>
      <c r="D69" s="121" t="s">
        <v>48</v>
      </c>
      <c r="E69" s="122"/>
      <c r="F69" s="120" t="s">
        <v>20</v>
      </c>
      <c r="G69" s="121"/>
      <c r="H69" s="121"/>
      <c r="I69" s="122"/>
      <c r="J69" s="114"/>
      <c r="K69" s="115"/>
      <c r="L69" s="115"/>
      <c r="M69" s="115"/>
      <c r="N69" s="115"/>
      <c r="O69" s="115"/>
      <c r="P69" s="129"/>
      <c r="Q69" s="134" t="s">
        <v>39</v>
      </c>
      <c r="R69" s="134"/>
      <c r="S69" s="161"/>
      <c r="T69" s="162"/>
      <c r="U69" s="162"/>
      <c r="V69" s="162"/>
      <c r="W69" s="163"/>
      <c r="X69" s="1"/>
    </row>
    <row r="70" spans="1:24" ht="18" customHeight="1">
      <c r="A70" s="26"/>
      <c r="B70" s="167"/>
      <c r="C70" s="167"/>
      <c r="D70" s="124"/>
      <c r="E70" s="125"/>
      <c r="F70" s="126"/>
      <c r="G70" s="127"/>
      <c r="H70" s="127"/>
      <c r="I70" s="128"/>
      <c r="J70" s="117"/>
      <c r="K70" s="118"/>
      <c r="L70" s="118"/>
      <c r="M70" s="118"/>
      <c r="N70" s="118"/>
      <c r="O70" s="118"/>
      <c r="P70" s="130"/>
      <c r="Q70" s="134"/>
      <c r="R70" s="134"/>
      <c r="S70" s="164"/>
      <c r="T70" s="165"/>
      <c r="U70" s="165"/>
      <c r="V70" s="165"/>
      <c r="W70" s="166"/>
      <c r="X70" s="1"/>
    </row>
    <row r="71" spans="1:24" ht="18" customHeight="1">
      <c r="A71" s="26"/>
      <c r="B71" s="167"/>
      <c r="C71" s="167"/>
      <c r="D71" s="124"/>
      <c r="E71" s="125"/>
      <c r="F71" s="123" t="s">
        <v>21</v>
      </c>
      <c r="G71" s="124"/>
      <c r="H71" s="124"/>
      <c r="I71" s="125"/>
      <c r="J71" s="131" t="s">
        <v>34</v>
      </c>
      <c r="K71" s="132"/>
      <c r="L71" s="132"/>
      <c r="M71" s="132"/>
      <c r="N71" s="132"/>
      <c r="O71" s="17" t="s">
        <v>35</v>
      </c>
      <c r="P71" s="133" t="s">
        <v>49</v>
      </c>
      <c r="Q71" s="133"/>
      <c r="R71" s="133"/>
      <c r="S71" s="133"/>
      <c r="T71" s="133"/>
      <c r="V71" s="40"/>
      <c r="W71" s="38"/>
      <c r="X71" s="1"/>
    </row>
    <row r="72" spans="1:24" ht="18" customHeight="1">
      <c r="A72" s="26"/>
      <c r="B72" s="167"/>
      <c r="C72" s="167"/>
      <c r="D72" s="127"/>
      <c r="E72" s="128"/>
      <c r="F72" s="126"/>
      <c r="G72" s="127"/>
      <c r="H72" s="127"/>
      <c r="I72" s="128"/>
      <c r="J72" s="18"/>
      <c r="K72" s="18"/>
      <c r="L72" s="18"/>
      <c r="M72" s="18"/>
      <c r="N72" s="18"/>
      <c r="O72" s="18"/>
      <c r="P72" s="27"/>
      <c r="Q72" s="27" t="s">
        <v>30</v>
      </c>
      <c r="R72" s="27" t="str">
        <f>IF(ISERROR(DATEDIF(J71,P71+1,"Y")),"",DATEDIF(J71,P71+1,"Y"))</f>
        <v/>
      </c>
      <c r="S72" s="27" t="s">
        <v>6</v>
      </c>
      <c r="T72" s="27" t="str">
        <f>IF(ISERROR(DATEDIF(J71,P71+1,"YM")),"",DATEDIF(J71,P71+1,"YM"))</f>
        <v/>
      </c>
      <c r="U72" s="27" t="s">
        <v>11</v>
      </c>
      <c r="V72" s="27" t="s">
        <v>12</v>
      </c>
      <c r="W72" s="39" t="s">
        <v>9</v>
      </c>
      <c r="X72" s="1"/>
    </row>
    <row r="73" spans="1:24">
      <c r="A73" s="26"/>
      <c r="B73" s="23"/>
      <c r="C73" s="23"/>
      <c r="D73" s="23"/>
      <c r="E73" s="23"/>
      <c r="F73" s="23"/>
      <c r="G73" s="23"/>
      <c r="H73" s="23"/>
      <c r="I73" s="23"/>
      <c r="J73" s="23"/>
      <c r="K73" s="23"/>
      <c r="L73" s="23"/>
      <c r="M73" s="23"/>
      <c r="N73" s="23"/>
      <c r="O73" s="23"/>
      <c r="P73" s="23"/>
      <c r="Q73" s="23"/>
      <c r="R73" s="23"/>
      <c r="S73" s="23"/>
      <c r="T73" s="23"/>
      <c r="U73" s="23"/>
      <c r="V73" s="23"/>
      <c r="W73" s="23"/>
      <c r="X73" s="1"/>
    </row>
    <row r="74" spans="1:24" ht="16.2">
      <c r="A74" s="26"/>
      <c r="B74" s="33" t="s">
        <v>50</v>
      </c>
      <c r="C74" s="34"/>
      <c r="D74" s="34"/>
      <c r="E74" s="36"/>
      <c r="F74" s="204" t="s">
        <v>97</v>
      </c>
      <c r="G74" s="204"/>
      <c r="H74" s="204"/>
      <c r="I74" s="204"/>
      <c r="J74" s="204"/>
      <c r="K74" s="204"/>
      <c r="L74" s="204"/>
      <c r="M74" s="204"/>
      <c r="N74" s="204"/>
      <c r="O74" s="204"/>
      <c r="P74" s="204"/>
      <c r="Q74" s="204"/>
      <c r="R74" s="204"/>
      <c r="S74" s="204"/>
      <c r="T74" s="204"/>
      <c r="U74" s="204"/>
      <c r="V74" s="35"/>
      <c r="W74" s="35"/>
      <c r="X74" s="1"/>
    </row>
    <row r="75" spans="1:24">
      <c r="A75" s="26"/>
      <c r="B75" s="23"/>
      <c r="C75" s="23"/>
      <c r="D75" s="23"/>
      <c r="E75" s="23"/>
      <c r="F75" s="23"/>
      <c r="G75" s="23"/>
      <c r="H75" s="23"/>
      <c r="I75" s="23"/>
      <c r="J75" s="23"/>
      <c r="K75" s="23"/>
      <c r="L75" s="23"/>
      <c r="M75" s="23"/>
      <c r="N75" s="23"/>
      <c r="O75" s="23"/>
      <c r="P75" s="23"/>
      <c r="Q75" s="23"/>
      <c r="R75" s="23"/>
      <c r="S75" s="23"/>
      <c r="T75" s="23"/>
      <c r="U75" s="23"/>
      <c r="V75" s="23"/>
      <c r="W75" s="23"/>
      <c r="X75" s="1"/>
    </row>
    <row r="76" spans="1:24">
      <c r="A76" s="26"/>
      <c r="B76" s="23"/>
      <c r="C76" s="23"/>
      <c r="D76" s="23"/>
      <c r="E76" s="23"/>
      <c r="F76" s="23"/>
      <c r="G76" s="23"/>
      <c r="H76" s="23"/>
      <c r="I76" s="23"/>
      <c r="J76" s="23"/>
      <c r="K76" s="23"/>
      <c r="L76" s="23"/>
      <c r="M76" s="23"/>
      <c r="N76" s="23"/>
      <c r="O76" s="23"/>
      <c r="P76" s="23"/>
      <c r="Q76" s="23"/>
      <c r="R76" s="23"/>
      <c r="S76" s="23"/>
      <c r="T76" s="23"/>
      <c r="U76" s="23"/>
      <c r="V76" s="23"/>
      <c r="W76" s="23"/>
      <c r="X76" s="1"/>
    </row>
    <row r="77" spans="1:24">
      <c r="A77" s="26"/>
      <c r="B77" s="23"/>
      <c r="C77" s="23"/>
      <c r="D77" s="23"/>
      <c r="E77" s="23"/>
      <c r="F77" s="23"/>
      <c r="G77" s="23"/>
      <c r="H77" s="23"/>
      <c r="I77" s="23"/>
      <c r="J77" s="23"/>
      <c r="K77" s="23"/>
      <c r="L77" s="23"/>
      <c r="M77" s="23"/>
      <c r="N77" s="23"/>
      <c r="O77" s="23"/>
      <c r="P77" s="23"/>
      <c r="Q77" s="23"/>
      <c r="R77" s="23"/>
      <c r="S77" s="23"/>
      <c r="T77" s="23"/>
      <c r="U77" s="23"/>
      <c r="V77" s="23"/>
      <c r="W77" s="23"/>
      <c r="X77" s="1"/>
    </row>
    <row r="78" spans="1:24">
      <c r="A78" s="26"/>
      <c r="B78" s="23"/>
      <c r="C78" s="23"/>
      <c r="D78" s="23"/>
      <c r="E78" s="23"/>
      <c r="F78" s="23"/>
      <c r="G78" s="23"/>
      <c r="H78" s="23"/>
      <c r="I78" s="23"/>
      <c r="J78" s="23"/>
      <c r="K78" s="23"/>
      <c r="L78" s="23"/>
      <c r="M78" s="23"/>
      <c r="N78" s="23"/>
      <c r="O78" s="23"/>
      <c r="P78" s="23"/>
      <c r="Q78" s="23"/>
      <c r="R78" s="23"/>
      <c r="S78" s="23"/>
      <c r="T78" s="23"/>
      <c r="U78" s="23"/>
      <c r="V78" s="23"/>
      <c r="W78" s="23"/>
      <c r="X78" s="1"/>
    </row>
    <row r="79" spans="1:24">
      <c r="A79" s="26"/>
      <c r="B79" s="23"/>
      <c r="C79" s="23"/>
      <c r="D79" s="23"/>
      <c r="E79" s="23"/>
      <c r="F79" s="23"/>
      <c r="G79" s="23"/>
      <c r="H79" s="23"/>
      <c r="I79" s="23"/>
      <c r="J79" s="23"/>
      <c r="K79" s="23"/>
      <c r="L79" s="23"/>
      <c r="M79" s="23"/>
      <c r="N79" s="23"/>
      <c r="O79" s="23"/>
      <c r="P79" s="23"/>
      <c r="Q79" s="23"/>
      <c r="R79" s="23"/>
      <c r="S79" s="23"/>
      <c r="T79" s="23"/>
      <c r="U79" s="23"/>
      <c r="V79" s="23"/>
      <c r="W79" s="23"/>
      <c r="X79" s="1"/>
    </row>
    <row r="80" spans="1:24">
      <c r="A80" s="26"/>
      <c r="B80" s="23"/>
      <c r="C80" s="23"/>
      <c r="D80" s="23"/>
      <c r="E80" s="23"/>
      <c r="F80" s="23"/>
      <c r="G80" s="23"/>
      <c r="H80" s="23"/>
      <c r="I80" s="23"/>
      <c r="J80" s="23"/>
      <c r="K80" s="23"/>
      <c r="L80" s="23"/>
      <c r="M80" s="23"/>
      <c r="N80" s="23"/>
      <c r="O80" s="23"/>
      <c r="P80" s="23"/>
      <c r="Q80" s="23"/>
      <c r="R80" s="23"/>
      <c r="S80" s="23"/>
      <c r="T80" s="23"/>
      <c r="U80" s="23"/>
      <c r="V80" s="23"/>
      <c r="W80" s="23"/>
      <c r="X80" s="1"/>
    </row>
    <row r="81" spans="1:24">
      <c r="A81" s="26"/>
      <c r="B81" s="23"/>
      <c r="C81" s="23"/>
      <c r="D81" s="23"/>
      <c r="E81" s="23"/>
      <c r="F81" s="23"/>
      <c r="G81" s="23"/>
      <c r="H81" s="23"/>
      <c r="I81" s="23"/>
      <c r="J81" s="23"/>
      <c r="K81" s="23"/>
      <c r="L81" s="23"/>
      <c r="M81" s="23"/>
      <c r="N81" s="23"/>
      <c r="O81" s="23"/>
      <c r="P81" s="23"/>
      <c r="Q81" s="23"/>
      <c r="R81" s="23"/>
      <c r="S81" s="23"/>
      <c r="T81" s="23"/>
      <c r="U81" s="23"/>
      <c r="V81" s="23"/>
      <c r="W81" s="23"/>
      <c r="X81" s="1"/>
    </row>
    <row r="82" spans="1:24">
      <c r="A82" s="26"/>
      <c r="B82" s="23"/>
      <c r="C82" s="23"/>
      <c r="D82" s="23"/>
      <c r="E82" s="23"/>
      <c r="F82" s="23"/>
      <c r="G82" s="23"/>
      <c r="H82" s="23"/>
      <c r="I82" s="23"/>
      <c r="J82" s="23"/>
      <c r="K82" s="23"/>
      <c r="L82" s="23"/>
      <c r="M82" s="23"/>
      <c r="N82" s="23"/>
      <c r="O82" s="23"/>
      <c r="P82" s="23"/>
      <c r="Q82" s="23"/>
      <c r="R82" s="23"/>
      <c r="S82" s="23"/>
      <c r="T82" s="23"/>
      <c r="U82" s="23"/>
      <c r="V82" s="23"/>
      <c r="W82" s="23"/>
      <c r="X82" s="1"/>
    </row>
    <row r="83" spans="1:24" ht="15" thickBot="1">
      <c r="A83" s="44"/>
      <c r="B83" s="45"/>
      <c r="C83" s="45"/>
      <c r="D83" s="45"/>
      <c r="E83" s="45"/>
      <c r="F83" s="45"/>
      <c r="G83" s="45"/>
      <c r="H83" s="45"/>
      <c r="I83" s="45"/>
      <c r="J83" s="45"/>
      <c r="K83" s="45"/>
      <c r="L83" s="45"/>
      <c r="M83" s="45"/>
      <c r="N83" s="45"/>
      <c r="O83" s="45"/>
      <c r="P83" s="45"/>
      <c r="Q83" s="45"/>
      <c r="R83" s="45"/>
      <c r="S83" s="45"/>
      <c r="T83" s="45"/>
      <c r="U83" s="45"/>
      <c r="V83" s="45"/>
      <c r="W83" s="45"/>
      <c r="X83" s="46"/>
    </row>
  </sheetData>
  <mergeCells count="109">
    <mergeCell ref="R2:W2"/>
    <mergeCell ref="B3:I3"/>
    <mergeCell ref="J3:L4"/>
    <mergeCell ref="M3:N3"/>
    <mergeCell ref="O3:W3"/>
    <mergeCell ref="M4:N4"/>
    <mergeCell ref="O4:W4"/>
    <mergeCell ref="B5:E5"/>
    <mergeCell ref="F5:L5"/>
    <mergeCell ref="M5:P8"/>
    <mergeCell ref="B6:E7"/>
    <mergeCell ref="F6:L7"/>
    <mergeCell ref="R6:V6"/>
    <mergeCell ref="S7:T7"/>
    <mergeCell ref="B8:E8"/>
    <mergeCell ref="H8:J8"/>
    <mergeCell ref="S8:T8"/>
    <mergeCell ref="S11:V12"/>
    <mergeCell ref="W11:W12"/>
    <mergeCell ref="B13:E13"/>
    <mergeCell ref="F13:W13"/>
    <mergeCell ref="B14:E28"/>
    <mergeCell ref="F14:W28"/>
    <mergeCell ref="B9:E10"/>
    <mergeCell ref="F9:W10"/>
    <mergeCell ref="B11:E12"/>
    <mergeCell ref="F11:G12"/>
    <mergeCell ref="H11:H12"/>
    <mergeCell ref="I11:J12"/>
    <mergeCell ref="K11:K12"/>
    <mergeCell ref="L11:L12"/>
    <mergeCell ref="M11:P12"/>
    <mergeCell ref="Q11:R12"/>
    <mergeCell ref="K33:W33"/>
    <mergeCell ref="F34:J34"/>
    <mergeCell ref="K34:W34"/>
    <mergeCell ref="B35:E35"/>
    <mergeCell ref="F35:W35"/>
    <mergeCell ref="B29:E34"/>
    <mergeCell ref="F29:J29"/>
    <mergeCell ref="K29:W29"/>
    <mergeCell ref="F30:J30"/>
    <mergeCell ref="K30:W30"/>
    <mergeCell ref="F31:J31"/>
    <mergeCell ref="K31:W31"/>
    <mergeCell ref="F32:J32"/>
    <mergeCell ref="K32:W32"/>
    <mergeCell ref="F33:J33"/>
    <mergeCell ref="B49:E56"/>
    <mergeCell ref="F49:I50"/>
    <mergeCell ref="J49:W50"/>
    <mergeCell ref="F51:I52"/>
    <mergeCell ref="J51:W52"/>
    <mergeCell ref="F40:W40"/>
    <mergeCell ref="B41:E41"/>
    <mergeCell ref="F41:L41"/>
    <mergeCell ref="M41:P44"/>
    <mergeCell ref="B42:E43"/>
    <mergeCell ref="F42:L43"/>
    <mergeCell ref="R42:V42"/>
    <mergeCell ref="S43:T43"/>
    <mergeCell ref="B44:E44"/>
    <mergeCell ref="H44:J44"/>
    <mergeCell ref="F53:I54"/>
    <mergeCell ref="J53:P54"/>
    <mergeCell ref="Q53:R54"/>
    <mergeCell ref="S53:W54"/>
    <mergeCell ref="F55:I56"/>
    <mergeCell ref="J55:N55"/>
    <mergeCell ref="P55:T55"/>
    <mergeCell ref="S44:T44"/>
    <mergeCell ref="F45:W45"/>
    <mergeCell ref="F46:J46"/>
    <mergeCell ref="L46:U46"/>
    <mergeCell ref="V46:W46"/>
    <mergeCell ref="B57:C72"/>
    <mergeCell ref="D57:E60"/>
    <mergeCell ref="F57:I58"/>
    <mergeCell ref="J57:P58"/>
    <mergeCell ref="Q57:R58"/>
    <mergeCell ref="S57:W58"/>
    <mergeCell ref="F59:I60"/>
    <mergeCell ref="J59:N59"/>
    <mergeCell ref="P59:T59"/>
    <mergeCell ref="D61:E64"/>
    <mergeCell ref="D65:E68"/>
    <mergeCell ref="F65:I66"/>
    <mergeCell ref="J65:P66"/>
    <mergeCell ref="Q65:R66"/>
    <mergeCell ref="S65:W66"/>
    <mergeCell ref="F67:I68"/>
    <mergeCell ref="J67:N67"/>
    <mergeCell ref="P67:T67"/>
    <mergeCell ref="F61:I62"/>
    <mergeCell ref="J61:P62"/>
    <mergeCell ref="Q61:R62"/>
    <mergeCell ref="S61:W62"/>
    <mergeCell ref="F63:I64"/>
    <mergeCell ref="J63:N63"/>
    <mergeCell ref="P63:T63"/>
    <mergeCell ref="F74:U74"/>
    <mergeCell ref="D69:E72"/>
    <mergeCell ref="F69:I70"/>
    <mergeCell ref="J69:P70"/>
    <mergeCell ref="Q69:R70"/>
    <mergeCell ref="S69:W70"/>
    <mergeCell ref="F71:I72"/>
    <mergeCell ref="J71:N71"/>
    <mergeCell ref="P71:T71"/>
  </mergeCells>
  <phoneticPr fontId="9"/>
  <dataValidations count="5">
    <dataValidation type="list" allowBlank="1" showInputMessage="1" sqref="Q11:R12">
      <formula1>"月,週"</formula1>
    </dataValidation>
    <dataValidation imeMode="hiragana" allowBlank="1" showInputMessage="1" showErrorMessage="1" sqref="F5:L5 F41:L41"/>
    <dataValidation imeMode="on" allowBlank="1" showInputMessage="1" showErrorMessage="1" sqref="F6:L7 F9:W10 F42:L43"/>
    <dataValidation imeMode="off" allowBlank="1" showInputMessage="1" showErrorMessage="1" sqref="R6:V6 J55:N55 P55:T55 F30:J34 J59:N59 J63:N63 R42:V42 P59:T59 P63:T63 J67:N67 P67:T67 J71:N71 P71:T71"/>
    <dataValidation type="list" allowBlank="1" showInputMessage="1" showErrorMessage="1" sqref="H8:J8 H44:J44">
      <formula1>"男,女"</formula1>
    </dataValidation>
  </dataValidations>
  <pageMargins left="0.70866141732283472" right="0.70866141732283472" top="0.74803149606299213" bottom="0.74803149606299213" header="0.31496062992125984" footer="0.31496062992125984"/>
  <pageSetup paperSize="9" orientation="portrait" cellComments="asDisplayed" r:id="rId1"/>
  <drawing r:id="rId2"/>
  <legacy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B3"/>
  <sheetViews>
    <sheetView topLeftCell="AK1" workbookViewId="0">
      <selection activeCell="AY3" sqref="AY3"/>
    </sheetView>
  </sheetViews>
  <sheetFormatPr defaultColWidth="9" defaultRowHeight="12"/>
  <cols>
    <col min="1" max="1" width="3.59765625" style="64" customWidth="1"/>
    <col min="2" max="2" width="20" style="64" bestFit="1" customWidth="1"/>
    <col min="3" max="3" width="16.09765625" style="64" bestFit="1" customWidth="1"/>
    <col min="4" max="4" width="14.19921875" style="64" customWidth="1"/>
    <col min="5" max="5" width="7.59765625" style="64" bestFit="1" customWidth="1"/>
    <col min="6" max="6" width="8.5" style="64" bestFit="1" customWidth="1"/>
    <col min="7" max="7" width="8.5" style="64" customWidth="1"/>
    <col min="8" max="14" width="8.8984375" style="64" customWidth="1"/>
    <col min="15" max="15" width="10.5" style="64" customWidth="1"/>
    <col min="16" max="17" width="9" style="64"/>
    <col min="18" max="18" width="10.19921875" style="64" bestFit="1" customWidth="1"/>
    <col min="19" max="21" width="14.09765625" style="64" bestFit="1" customWidth="1"/>
    <col min="22" max="22" width="10.19921875" style="64" bestFit="1" customWidth="1"/>
    <col min="23" max="23" width="17.09765625" style="64" customWidth="1"/>
    <col min="24" max="25" width="9" style="64"/>
    <col min="26" max="26" width="10.19921875" style="64" bestFit="1" customWidth="1"/>
    <col min="27" max="28" width="14.09765625" style="64" bestFit="1" customWidth="1"/>
    <col min="29" max="30" width="10.19921875" style="64" bestFit="1" customWidth="1"/>
    <col min="31" max="31" width="8.5" style="64" bestFit="1" customWidth="1"/>
    <col min="32" max="32" width="7.59765625" style="64" bestFit="1" customWidth="1"/>
    <col min="33" max="34" width="14.09765625" style="64" bestFit="1" customWidth="1"/>
    <col min="35" max="36" width="10.19921875" style="64" bestFit="1" customWidth="1"/>
    <col min="37" max="16384" width="9" style="64"/>
  </cols>
  <sheetData>
    <row r="1" spans="1:54" s="60" customFormat="1" ht="15" customHeight="1">
      <c r="A1" s="231" t="s">
        <v>60</v>
      </c>
      <c r="B1" s="231" t="s">
        <v>61</v>
      </c>
      <c r="C1" s="235" t="s">
        <v>63</v>
      </c>
      <c r="D1" s="236"/>
      <c r="E1" s="231" t="s">
        <v>64</v>
      </c>
      <c r="F1" s="231" t="s">
        <v>65</v>
      </c>
      <c r="G1" s="231" t="s">
        <v>66</v>
      </c>
      <c r="H1" s="231" t="s">
        <v>32</v>
      </c>
      <c r="I1" s="235" t="s">
        <v>23</v>
      </c>
      <c r="J1" s="236"/>
      <c r="K1" s="233" t="s">
        <v>47</v>
      </c>
      <c r="L1" s="233" t="s">
        <v>26</v>
      </c>
      <c r="M1" s="229" t="s">
        <v>68</v>
      </c>
      <c r="N1" s="230"/>
      <c r="O1" s="229" t="s">
        <v>69</v>
      </c>
      <c r="P1" s="230"/>
      <c r="Q1" s="229" t="s">
        <v>70</v>
      </c>
      <c r="R1" s="230"/>
      <c r="S1" s="229" t="s">
        <v>71</v>
      </c>
      <c r="T1" s="230"/>
      <c r="U1" s="229" t="s">
        <v>72</v>
      </c>
      <c r="V1" s="230"/>
      <c r="W1" s="225" t="s">
        <v>73</v>
      </c>
      <c r="X1" s="225"/>
      <c r="Y1" s="225"/>
      <c r="Z1" s="225"/>
      <c r="AA1" s="225"/>
      <c r="AB1" s="225"/>
      <c r="AC1" s="225"/>
      <c r="AD1" s="225"/>
      <c r="AE1" s="226" t="s">
        <v>74</v>
      </c>
      <c r="AF1" s="227"/>
      <c r="AG1" s="227"/>
      <c r="AH1" s="227"/>
      <c r="AI1" s="227"/>
      <c r="AJ1" s="228"/>
      <c r="AK1" s="226" t="s">
        <v>75</v>
      </c>
      <c r="AL1" s="227"/>
      <c r="AM1" s="227"/>
      <c r="AN1" s="227"/>
      <c r="AO1" s="227"/>
      <c r="AP1" s="228"/>
      <c r="AQ1" s="226" t="s">
        <v>76</v>
      </c>
      <c r="AR1" s="227"/>
      <c r="AS1" s="227"/>
      <c r="AT1" s="227"/>
      <c r="AU1" s="227"/>
      <c r="AV1" s="228"/>
      <c r="AW1" s="226" t="s">
        <v>77</v>
      </c>
      <c r="AX1" s="227"/>
      <c r="AY1" s="227"/>
      <c r="AZ1" s="227"/>
      <c r="BA1" s="227"/>
      <c r="BB1" s="228"/>
    </row>
    <row r="2" spans="1:54" ht="15" customHeight="1">
      <c r="A2" s="232"/>
      <c r="B2" s="232"/>
      <c r="C2" s="67" t="s">
        <v>62</v>
      </c>
      <c r="D2" s="67" t="s">
        <v>63</v>
      </c>
      <c r="E2" s="232"/>
      <c r="F2" s="232"/>
      <c r="G2" s="232"/>
      <c r="H2" s="232"/>
      <c r="I2" s="67" t="s">
        <v>25</v>
      </c>
      <c r="J2" s="67" t="s">
        <v>85</v>
      </c>
      <c r="K2" s="234"/>
      <c r="L2" s="234"/>
      <c r="M2" s="61" t="s">
        <v>78</v>
      </c>
      <c r="N2" s="61" t="s">
        <v>79</v>
      </c>
      <c r="O2" s="61" t="s">
        <v>78</v>
      </c>
      <c r="P2" s="61" t="s">
        <v>79</v>
      </c>
      <c r="Q2" s="61" t="s">
        <v>78</v>
      </c>
      <c r="R2" s="61" t="s">
        <v>79</v>
      </c>
      <c r="S2" s="61" t="s">
        <v>78</v>
      </c>
      <c r="T2" s="61" t="s">
        <v>79</v>
      </c>
      <c r="U2" s="61" t="s">
        <v>78</v>
      </c>
      <c r="V2" s="61" t="s">
        <v>79</v>
      </c>
      <c r="W2" s="62" t="s">
        <v>28</v>
      </c>
      <c r="X2" s="62" t="s">
        <v>29</v>
      </c>
      <c r="Y2" s="62" t="s">
        <v>80</v>
      </c>
      <c r="Z2" s="62" t="s">
        <v>39</v>
      </c>
      <c r="AA2" s="62" t="s">
        <v>98</v>
      </c>
      <c r="AB2" s="62" t="s">
        <v>82</v>
      </c>
      <c r="AC2" s="62" t="s">
        <v>83</v>
      </c>
      <c r="AD2" s="62" t="s">
        <v>84</v>
      </c>
      <c r="AE2" s="63" t="s">
        <v>20</v>
      </c>
      <c r="AF2" s="63" t="s">
        <v>67</v>
      </c>
      <c r="AG2" s="63" t="s">
        <v>81</v>
      </c>
      <c r="AH2" s="63" t="s">
        <v>82</v>
      </c>
      <c r="AI2" s="63" t="s">
        <v>83</v>
      </c>
      <c r="AJ2" s="63" t="s">
        <v>84</v>
      </c>
      <c r="AK2" s="63" t="s">
        <v>20</v>
      </c>
      <c r="AL2" s="63" t="s">
        <v>67</v>
      </c>
      <c r="AM2" s="63" t="s">
        <v>81</v>
      </c>
      <c r="AN2" s="63" t="s">
        <v>82</v>
      </c>
      <c r="AO2" s="63" t="s">
        <v>83</v>
      </c>
      <c r="AP2" s="63" t="s">
        <v>84</v>
      </c>
      <c r="AQ2" s="63" t="s">
        <v>20</v>
      </c>
      <c r="AR2" s="63" t="s">
        <v>67</v>
      </c>
      <c r="AS2" s="63" t="s">
        <v>81</v>
      </c>
      <c r="AT2" s="63" t="s">
        <v>82</v>
      </c>
      <c r="AU2" s="63" t="s">
        <v>83</v>
      </c>
      <c r="AV2" s="63" t="s">
        <v>84</v>
      </c>
      <c r="AW2" s="63" t="s">
        <v>20</v>
      </c>
      <c r="AX2" s="63" t="s">
        <v>67</v>
      </c>
      <c r="AY2" s="63" t="s">
        <v>81</v>
      </c>
      <c r="AZ2" s="63" t="s">
        <v>82</v>
      </c>
      <c r="BA2" s="63" t="s">
        <v>83</v>
      </c>
      <c r="BB2" s="63" t="s">
        <v>84</v>
      </c>
    </row>
    <row r="3" spans="1:54" s="71" customFormat="1" ht="15" customHeight="1">
      <c r="A3" s="68"/>
      <c r="B3" s="68">
        <f>'第３号様式（第2条(5)個人ボランティア）'!O3</f>
        <v>0</v>
      </c>
      <c r="C3" s="68">
        <f>'第３号様式（第2条(5)個人ボランティア）'!F5</f>
        <v>0</v>
      </c>
      <c r="D3" s="68">
        <f>'第３号様式（第2条(5)個人ボランティア）'!F6</f>
        <v>0</v>
      </c>
      <c r="E3" s="68">
        <f>'第３号様式（第2条(5)個人ボランティア）'!H8</f>
        <v>0</v>
      </c>
      <c r="F3" s="69" t="str">
        <f>'第３号様式（第2条(5)個人ボランティア）'!R6</f>
        <v>　　　  年　月　日</v>
      </c>
      <c r="G3" s="70" t="str">
        <f>'第３号様式（第2条(5)個人ボランティア）'!S7</f>
        <v/>
      </c>
      <c r="H3" s="68">
        <f>'第３号様式（第2条(5)個人ボランティア）'!F9</f>
        <v>0</v>
      </c>
      <c r="I3" s="68" t="str">
        <f>'第３号様式（第2条(5)個人ボランティア）'!Q11</f>
        <v>月</v>
      </c>
      <c r="J3" s="68">
        <f>'第３号様式（第2条(5)個人ボランティア）'!S11</f>
        <v>0</v>
      </c>
      <c r="K3" s="68">
        <f>'第３号様式（第2条(5)個人ボランティア）'!F13</f>
        <v>0</v>
      </c>
      <c r="L3" s="68">
        <f>'第３号様式（第2条(5)個人ボランティア）'!F14</f>
        <v>0</v>
      </c>
      <c r="M3" s="69" t="str">
        <f>'第３号様式（第2条(5)個人ボランティア）'!F30</f>
        <v>　　　　年　月　日</v>
      </c>
      <c r="N3" s="70">
        <f>'第３号様式（第2条(5)個人ボランティア）'!K30</f>
        <v>0</v>
      </c>
      <c r="O3" s="69" t="str">
        <f>'第３号様式（第2条(5)個人ボランティア）'!F31</f>
        <v>　　　　年　月　日</v>
      </c>
      <c r="P3" s="70">
        <f>'第３号様式（第2条(5)個人ボランティア）'!K31</f>
        <v>0</v>
      </c>
      <c r="Q3" s="69" t="str">
        <f>'第３号様式（第2条(5)個人ボランティア）'!F32</f>
        <v>　　　　年　月　日</v>
      </c>
      <c r="R3" s="70">
        <f>'第３号様式（第2条(5)個人ボランティア）'!K32</f>
        <v>0</v>
      </c>
      <c r="S3" s="69" t="str">
        <f>'第３号様式（第2条(5)個人ボランティア）'!F33</f>
        <v>　　　　年　月　日</v>
      </c>
      <c r="T3" s="70">
        <f>'第３号様式（第2条(5)個人ボランティア）'!K33</f>
        <v>0</v>
      </c>
      <c r="U3" s="69" t="str">
        <f>'第３号様式（第2条(5)個人ボランティア）'!F34</f>
        <v xml:space="preserve">        年　月　日</v>
      </c>
      <c r="V3" s="70">
        <f>'第３号様式（第2条(5)個人ボランティア）'!K34</f>
        <v>0</v>
      </c>
      <c r="W3" s="65">
        <f>'第３号様式（第2条(5)個人ボランティア）'!J49</f>
        <v>0</v>
      </c>
      <c r="X3" s="65">
        <f>'第３号様式（第2条(5)個人ボランティア）'!J51</f>
        <v>0</v>
      </c>
      <c r="Y3" s="65">
        <f>'第３号様式（第2条(5)個人ボランティア）'!J53</f>
        <v>0</v>
      </c>
      <c r="Z3" s="65">
        <f>'第３号様式（第2条(5)個人ボランティア）'!S53</f>
        <v>0</v>
      </c>
      <c r="AA3" s="66" t="str">
        <f>'第３号様式（第2条(5)個人ボランティア）'!J55</f>
        <v>年　　月　　日</v>
      </c>
      <c r="AB3" s="66" t="str">
        <f>'第３号様式（第2条(5)個人ボランティア）'!P55</f>
        <v>　　年　　月　　日</v>
      </c>
      <c r="AC3" s="65" t="str">
        <f>'第３号様式（第2条(5)個人ボランティア）'!R56</f>
        <v/>
      </c>
      <c r="AD3" s="65" t="str">
        <f>'第３号様式（第2条(5)個人ボランティア）'!T56</f>
        <v/>
      </c>
      <c r="AE3" s="65">
        <f>'第３号様式（第2条(5)個人ボランティア）'!J57</f>
        <v>0</v>
      </c>
      <c r="AF3" s="65">
        <f>'第３号様式（第2条(5)個人ボランティア）'!S57</f>
        <v>0</v>
      </c>
      <c r="AG3" s="66" t="str">
        <f>'第３号様式（第2条(5)個人ボランティア）'!J59</f>
        <v>年　　月　　日</v>
      </c>
      <c r="AH3" s="66" t="str">
        <f>'第３号様式（第2条(5)個人ボランティア）'!P59</f>
        <v>　　年　　月　　日</v>
      </c>
      <c r="AI3" s="65" t="str">
        <f>'第３号様式（第2条(5)個人ボランティア）'!R60</f>
        <v/>
      </c>
      <c r="AJ3" s="65" t="str">
        <f>'第３号様式（第2条(5)個人ボランティア）'!T60</f>
        <v/>
      </c>
      <c r="AK3" s="65">
        <f>'第３号様式（第2条(5)個人ボランティア）'!J61</f>
        <v>0</v>
      </c>
      <c r="AL3" s="65">
        <f>'第３号様式（第2条(5)個人ボランティア）'!S61</f>
        <v>0</v>
      </c>
      <c r="AM3" s="66" t="str">
        <f>'第３号様式（第2条(5)個人ボランティア）'!J63</f>
        <v>年　　月　　日</v>
      </c>
      <c r="AN3" s="66" t="str">
        <f>'第３号様式（第2条(5)個人ボランティア）'!P63</f>
        <v>　　年　　月　　日</v>
      </c>
      <c r="AO3" s="65" t="str">
        <f>'第３号様式（第2条(5)個人ボランティア）'!R64</f>
        <v/>
      </c>
      <c r="AP3" s="65" t="str">
        <f>'第３号様式（第2条(5)個人ボランティア）'!T64</f>
        <v/>
      </c>
      <c r="AQ3" s="65">
        <f>'第３号様式（第2条(5)個人ボランティア）'!J65</f>
        <v>0</v>
      </c>
      <c r="AR3" s="65">
        <f>'第３号様式（第2条(5)個人ボランティア）'!S65</f>
        <v>0</v>
      </c>
      <c r="AS3" s="66" t="str">
        <f>'第３号様式（第2条(5)個人ボランティア）'!J67</f>
        <v>年　　月　　日</v>
      </c>
      <c r="AT3" s="66" t="str">
        <f>'第３号様式（第2条(5)個人ボランティア）'!P67</f>
        <v>　　年　　月　　日</v>
      </c>
      <c r="AU3" s="65" t="str">
        <f>'第３号様式（第2条(5)個人ボランティア）'!R68</f>
        <v/>
      </c>
      <c r="AV3" s="65" t="str">
        <f>'第３号様式（第2条(5)個人ボランティア）'!T68</f>
        <v/>
      </c>
      <c r="AW3" s="65">
        <f>'第３号様式（第2条(5)個人ボランティア）'!J69</f>
        <v>0</v>
      </c>
      <c r="AX3" s="65">
        <f>'第３号様式（第2条(5)個人ボランティア）'!S69</f>
        <v>0</v>
      </c>
      <c r="AY3" s="66" t="str">
        <f>'第３号様式（第2条(5)個人ボランティア）'!J71</f>
        <v>年　　月　　日</v>
      </c>
      <c r="AZ3" s="66" t="str">
        <f>'第３号様式（第2条(5)個人ボランティア）'!P71</f>
        <v>　　年　　月　　日</v>
      </c>
      <c r="BA3" s="65" t="str">
        <f>'第３号様式（第2条(5)個人ボランティア）'!R72</f>
        <v/>
      </c>
      <c r="BB3" s="65" t="str">
        <f>'第３号様式（第2条(5)個人ボランティア）'!T72</f>
        <v/>
      </c>
    </row>
  </sheetData>
  <mergeCells count="20">
    <mergeCell ref="A1:A2"/>
    <mergeCell ref="B1:B2"/>
    <mergeCell ref="F1:F2"/>
    <mergeCell ref="E1:E2"/>
    <mergeCell ref="Q1:R1"/>
    <mergeCell ref="C1:D1"/>
    <mergeCell ref="S1:T1"/>
    <mergeCell ref="U1:V1"/>
    <mergeCell ref="G1:G2"/>
    <mergeCell ref="K1:K2"/>
    <mergeCell ref="L1:L2"/>
    <mergeCell ref="H1:H2"/>
    <mergeCell ref="I1:J1"/>
    <mergeCell ref="M1:N1"/>
    <mergeCell ref="O1:P1"/>
    <mergeCell ref="W1:AD1"/>
    <mergeCell ref="AE1:AJ1"/>
    <mergeCell ref="AK1:AP1"/>
    <mergeCell ref="AQ1:AV1"/>
    <mergeCell ref="AW1:BB1"/>
  </mergeCells>
  <phoneticPr fontId="9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第３号様式（第2条(5)個人ボランティア）</vt:lpstr>
      <vt:lpstr>（記入例）</vt:lpstr>
      <vt:lpstr>(data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4-18T02:15:23Z</cp:lastPrinted>
  <dcterms:created xsi:type="dcterms:W3CDTF">2017-05-07T07:27:58Z</dcterms:created>
  <dcterms:modified xsi:type="dcterms:W3CDTF">2025-04-11T02:55:28Z</dcterms:modified>
</cp:coreProperties>
</file>